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https://aepenergy.sharepoint.com/sites/RegulatoryServices/OPCO/Kentucky Power/Regulatory Base Cases/Kentucky Base Case 2025/05 Discovery/AG-KIUC/Set 1/Attachments/"/>
    </mc:Choice>
  </mc:AlternateContent>
  <xr:revisionPtr revIDLastSave="16" documentId="13_ncr:1_{A20EEE0C-0A0F-4855-9635-030D6DE4426D}" xr6:coauthVersionLast="47" xr6:coauthVersionMax="47" xr10:uidLastSave="{3566F897-192C-4B16-B876-5DC79195951B}"/>
  <bookViews>
    <workbookView xWindow="-28920" yWindow="-1695" windowWidth="29040" windowHeight="17520" activeTab="2" xr2:uid="{916A43EE-9962-467C-8A80-9A04CF99660D}"/>
  </bookViews>
  <sheets>
    <sheet name="W42 Annualization of PropTax" sheetId="1" r:id="rId1"/>
    <sheet name="Est. Tax Calc" sheetId="2" r:id="rId2"/>
    <sheet name="Pivot" sheetId="3" r:id="rId3"/>
    <sheet name="PS Query" sheetId="4" r:id="rId4"/>
  </sheets>
  <definedNames>
    <definedName name="_xlnm._FilterDatabase" localSheetId="3" hidden="1">'PS Query'!$A$1:$AB$206</definedName>
    <definedName name="C_Begin">#REF!</definedName>
    <definedName name="C_End">#REF!</definedName>
    <definedName name="End_of_Report">#REF!</definedName>
    <definedName name="ExternalData_1" localSheetId="3" hidden="1">'PS Query'!$A$1:$AB$206</definedName>
    <definedName name="FERC_Account">#REF!</definedName>
    <definedName name="FERC_LEVEL_2">#REF!</definedName>
    <definedName name="KPCO_408" localSheetId="0">#REF!</definedName>
    <definedName name="KPCO_408">#REF!</definedName>
    <definedName name="LIABILITIES">#REF!</definedName>
    <definedName name="NONCURRENT_LIABILITIES">#REF!</definedName>
    <definedName name="NvsASD">"V2020-03-31"</definedName>
    <definedName name="NvsAutoDrillOk">"VN"</definedName>
    <definedName name="NvsElapsedTime">0.000439814815763384</definedName>
    <definedName name="NvsEndTime">43936.7682407407</definedName>
    <definedName name="NvsInstLang">"VENG"</definedName>
    <definedName name="NvsInstSpec">"%,FBUSINESS_UNIT,TGL_PRPT_CONS,NKYP_CORP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ParentRef">"Sheet1!$$0"</definedName>
    <definedName name="NvsReqBU">"VX992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CURRENCY_CD">"CURRENCY_CD_TBL"</definedName>
    <definedName name="OPR_ID">#REF!</definedName>
    <definedName name="_xlnm.Print_Area" localSheetId="1">'Est. Tax Calc'!$A$1:$D$31</definedName>
    <definedName name="Query1" localSheetId="0">#REF!</definedName>
    <definedName name="Query1">#REF!</definedName>
    <definedName name="Rev_End">#REF!</definedName>
    <definedName name="search_directory_name">"R:\fcm90prd\nvision\rpts\Fin_Reports\"</definedName>
    <definedName name="SHAREHOLDER_EQUITY">#REF!</definedName>
    <definedName name="Total">#REF!</definedName>
    <definedName name="Total_119">#REF!</definedName>
    <definedName name="Total_166">#REF!</definedName>
    <definedName name="Total_169">#REF!</definedName>
    <definedName name="Total_192">#REF!</definedName>
    <definedName name="Total_211">#REF!</definedName>
    <definedName name="Trial_Begin">#REF!</definedName>
    <definedName name="Trial_End">#REF!</definedName>
  </definedNames>
  <calcPr calcId="191029"/>
  <pivotCaches>
    <pivotCache cacheId="0" r:id="rId5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65" i="3" l="1"/>
  <c r="I64" i="3"/>
  <c r="I63" i="3"/>
  <c r="I61" i="3"/>
  <c r="I60" i="3"/>
  <c r="I59" i="3"/>
  <c r="I56" i="3"/>
  <c r="D75" i="3"/>
  <c r="F75" i="3"/>
  <c r="F76" i="3"/>
  <c r="D74" i="3"/>
  <c r="F74" i="3"/>
  <c r="D73" i="3"/>
  <c r="D68" i="3"/>
  <c r="D67" i="3"/>
  <c r="F64" i="3"/>
  <c r="E64" i="3"/>
  <c r="D64" i="3"/>
  <c r="F63" i="3"/>
  <c r="E63" i="3"/>
  <c r="D63" i="3"/>
  <c r="F60" i="3"/>
  <c r="E60" i="3"/>
  <c r="D60" i="3"/>
  <c r="F59" i="3"/>
  <c r="E59" i="3"/>
  <c r="D59" i="3"/>
  <c r="B8" i="2"/>
  <c r="I35" i="3"/>
  <c r="B17" i="2"/>
  <c r="I20" i="3"/>
  <c r="B24" i="2"/>
  <c r="D25" i="2"/>
  <c r="D24" i="2"/>
  <c r="C24" i="2"/>
  <c r="A24" i="2"/>
  <c r="C23" i="2"/>
  <c r="C21" i="2"/>
  <c r="B21" i="2"/>
  <c r="D18" i="2"/>
  <c r="D17" i="2"/>
  <c r="C17" i="2"/>
  <c r="A17" i="2"/>
  <c r="D15" i="2"/>
  <c r="A15" i="2"/>
  <c r="A13" i="2"/>
  <c r="C12" i="2"/>
  <c r="B12" i="2"/>
  <c r="C8" i="2"/>
  <c r="E61" i="3"/>
  <c r="C5" i="2"/>
  <c r="C6" i="2"/>
  <c r="C7" i="2"/>
  <c r="G74" i="3"/>
  <c r="C18" i="2"/>
  <c r="D65" i="3"/>
  <c r="C9" i="2"/>
  <c r="D69" i="3"/>
  <c r="D61" i="3"/>
  <c r="D9" i="1"/>
  <c r="E65" i="3"/>
  <c r="C14" i="2"/>
  <c r="C15" i="2"/>
  <c r="C16" i="2"/>
  <c r="F65" i="3"/>
  <c r="G73" i="3"/>
  <c r="G75" i="3"/>
  <c r="C25" i="2"/>
  <c r="F61" i="3"/>
  <c r="F71" i="3"/>
  <c r="C26" i="2"/>
  <c r="C28" i="2"/>
  <c r="C31" i="2"/>
  <c r="D7" i="1"/>
  <c r="D11" i="1"/>
  <c r="D13" i="1"/>
</calcChain>
</file>

<file path=xl/sharedStrings.xml><?xml version="1.0" encoding="utf-8"?>
<sst xmlns="http://schemas.openxmlformats.org/spreadsheetml/2006/main" count="4836" uniqueCount="372">
  <si>
    <t>Kentucky Power Company</t>
  </si>
  <si>
    <t>Annualization of Property Taxes</t>
  </si>
  <si>
    <t>Twelve Months Ended 5/31/2025</t>
  </si>
  <si>
    <t>W49</t>
  </si>
  <si>
    <t xml:space="preserve">Line
No.
</t>
  </si>
  <si>
    <t>Description</t>
  </si>
  <si>
    <t xml:space="preserve">Amount
</t>
  </si>
  <si>
    <t xml:space="preserve">Net Estimated Property Tax Based on December 31, 2024 Assessible Property Value and Latest Actual Property Rates </t>
  </si>
  <si>
    <t>Net Property Tax Charged
4081005, 4081029 &amp; 4081036
12 Months Ended 05/31/2025</t>
  </si>
  <si>
    <t>Adjustment to Property Tax Expense (Ln 3 - Ln 6)</t>
  </si>
  <si>
    <t>Allocation Factor - Gross Plant Total</t>
  </si>
  <si>
    <t>Witness: Dave Hodgson</t>
  </si>
  <si>
    <t>Owned Property Calculation:</t>
  </si>
  <si>
    <t>KY Total Expense Amount</t>
  </si>
  <si>
    <t>Utility Expense Amount KY, 408.1</t>
  </si>
  <si>
    <t>Less KY Generation</t>
  </si>
  <si>
    <t>Less KY Generation, 408.1</t>
  </si>
  <si>
    <t>TY2024 Expense Amt Total</t>
  </si>
  <si>
    <t>Per month Amt</t>
  </si>
  <si>
    <t>Jun-Dec 2024 KY T&amp;D
(plus adjs)</t>
  </si>
  <si>
    <t>Jan-May 2025 KY T&amp;D</t>
  </si>
  <si>
    <t>Total KY Def Amt for Period Ending 12/31/2024</t>
  </si>
  <si>
    <t>Leased PP Calculation:</t>
  </si>
  <si>
    <t>Expense Amount KY</t>
  </si>
  <si>
    <t>Leased RE Calculation:</t>
  </si>
  <si>
    <t>Annual Amount</t>
  </si>
  <si>
    <t>All KY, no generation, Leased RE</t>
  </si>
  <si>
    <t>Ties to Bus Obj Pivot w_BU T&amp;D only (12 months exp, ending 5/31/2025)</t>
  </si>
  <si>
    <t>Total Annual Amt.</t>
  </si>
  <si>
    <t>TY2025 Full Year Expense, T&amp;D only</t>
  </si>
  <si>
    <t/>
  </si>
  <si>
    <t>KY Overaccrual (T&amp;D only)</t>
  </si>
  <si>
    <t>2024 (none)</t>
  </si>
  <si>
    <t>Total 2025 T&amp;D Accrual revised</t>
  </si>
  <si>
    <t>TY2025 Revised Full Year Expense, T&amp;D only</t>
  </si>
  <si>
    <t>Sum of Debit / (Credit)</t>
  </si>
  <si>
    <t>Column Labels</t>
  </si>
  <si>
    <t>Row Labels</t>
  </si>
  <si>
    <t>JE ID</t>
  </si>
  <si>
    <t>JE Date</t>
  </si>
  <si>
    <t>110</t>
  </si>
  <si>
    <t>117</t>
  </si>
  <si>
    <t>180</t>
  </si>
  <si>
    <t>Grand Total</t>
  </si>
  <si>
    <t>408100521</t>
  </si>
  <si>
    <t>TXACCABA</t>
  </si>
  <si>
    <t>408100521 Total</t>
  </si>
  <si>
    <t>408100522</t>
  </si>
  <si>
    <t>TXOUAABA</t>
  </si>
  <si>
    <t>408100522 Total</t>
  </si>
  <si>
    <t>408102922</t>
  </si>
  <si>
    <t>408102922 Total</t>
  </si>
  <si>
    <t>408103623</t>
  </si>
  <si>
    <t>408103623 Total</t>
  </si>
  <si>
    <t>408103624</t>
  </si>
  <si>
    <t>408103624 Total</t>
  </si>
  <si>
    <t>408100524</t>
  </si>
  <si>
    <t>TXAMTABA</t>
  </si>
  <si>
    <t>408100524 Total</t>
  </si>
  <si>
    <t>408102924</t>
  </si>
  <si>
    <t>408102924 Total</t>
  </si>
  <si>
    <t>408102925</t>
  </si>
  <si>
    <t>408102925 Total</t>
  </si>
  <si>
    <t>408103625</t>
  </si>
  <si>
    <t>408103625 Total</t>
  </si>
  <si>
    <t>408100523</t>
  </si>
  <si>
    <t>408100523 Total</t>
  </si>
  <si>
    <t>408.1</t>
  </si>
  <si>
    <t>7/12 of adj</t>
  </si>
  <si>
    <t>408.129</t>
  </si>
  <si>
    <t>408.136</t>
  </si>
  <si>
    <t>Prior Year Adjusts made in 202</t>
  </si>
  <si>
    <t>Portion of prior year adjs-9/12-in period (Apr-Dec 2024)</t>
  </si>
  <si>
    <t>Total adjusting out prior period portion of full-year adjustment</t>
  </si>
  <si>
    <t>Business Unit</t>
  </si>
  <si>
    <t>Month</t>
  </si>
  <si>
    <t>Year</t>
  </si>
  <si>
    <t>Account</t>
  </si>
  <si>
    <t>Account Descrip.</t>
  </si>
  <si>
    <t>JE Description</t>
  </si>
  <si>
    <t>OPERATING_UNIT</t>
  </si>
  <si>
    <t>DEPTID</t>
  </si>
  <si>
    <t>Debit / (Credit)</t>
  </si>
  <si>
    <t>PRODUCT</t>
  </si>
  <si>
    <t>AFFILIATE</t>
  </si>
  <si>
    <t>BUSINESS_UNIT_PC</t>
  </si>
  <si>
    <t>ACTIVITY_ID</t>
  </si>
  <si>
    <t>RESOURCE_TYPE</t>
  </si>
  <si>
    <t>JRNL_BALANCE_STAT</t>
  </si>
  <si>
    <t>PROJECT_ID</t>
  </si>
  <si>
    <t>RESOURCE_CATEGORY</t>
  </si>
  <si>
    <t>RESOURCE_SUB_CAT</t>
  </si>
  <si>
    <t>JRNL_HDR_STATUS</t>
  </si>
  <si>
    <t>JE Timestamp</t>
  </si>
  <si>
    <t>JOURNAL_LINE</t>
  </si>
  <si>
    <t>SOURCE</t>
  </si>
  <si>
    <t>OPRID</t>
  </si>
  <si>
    <t>JRNL_LN_REF</t>
  </si>
  <si>
    <t>TRANS_REF_NUM</t>
  </si>
  <si>
    <t>LINE_DESCR</t>
  </si>
  <si>
    <t>Real Prop Tax-Cap Leases</t>
  </si>
  <si>
    <t>CLEAR KYPCO 23 LRE ACCOUNT</t>
  </si>
  <si>
    <t>KY</t>
  </si>
  <si>
    <t>12139</t>
  </si>
  <si>
    <t xml:space="preserve"> </t>
  </si>
  <si>
    <t>FINAN</t>
  </si>
  <si>
    <t>G0000110</t>
  </si>
  <si>
    <t>910</t>
  </si>
  <si>
    <t>V</t>
  </si>
  <si>
    <t>FANANDA</t>
  </si>
  <si>
    <t>655</t>
  </si>
  <si>
    <t>P</t>
  </si>
  <si>
    <t>2024-09-03-09.48.11.010607</t>
  </si>
  <si>
    <t>ONB</t>
  </si>
  <si>
    <t>B10104P</t>
  </si>
  <si>
    <t>NONREC</t>
  </si>
  <si>
    <t>KYPCO KY 2023 LRE-KY110</t>
  </si>
  <si>
    <t>NORMAL MONTHLY ACCRUALS</t>
  </si>
  <si>
    <t>2024-02-05-13.14.06.183925</t>
  </si>
  <si>
    <t>REC</t>
  </si>
  <si>
    <t>KYPCO KY 2024 LRE-KY110</t>
  </si>
  <si>
    <t>2024-03-01-09.34.09.681164</t>
  </si>
  <si>
    <t>Normal Monthly Accruals</t>
  </si>
  <si>
    <t>2024-04-01-13.48.51.393022</t>
  </si>
  <si>
    <t>UPL</t>
  </si>
  <si>
    <t>S375387</t>
  </si>
  <si>
    <t>2024-04-30-06.50.35.052942</t>
  </si>
  <si>
    <t>S343756</t>
  </si>
  <si>
    <t>2024-06-04-16.08.04.711913</t>
  </si>
  <si>
    <t>S346957</t>
  </si>
  <si>
    <t>2024-07-01-13.43.31.085389</t>
  </si>
  <si>
    <t>2024-07-31-11.56.44.889947</t>
  </si>
  <si>
    <t>2024-09-03-08.47.23.004591</t>
  </si>
  <si>
    <t>2024-09-30-15.31.31.356157</t>
  </si>
  <si>
    <t>2024-11-01-09.03.13.493210</t>
  </si>
  <si>
    <t>2024-11-28-08.14.32.312628</t>
  </si>
  <si>
    <t>OUA based on settled values an</t>
  </si>
  <si>
    <t>2025-01-03-20.05.31.154984</t>
  </si>
  <si>
    <t>S337959</t>
  </si>
  <si>
    <t>2024-12-20-13.06.11.303483</t>
  </si>
  <si>
    <t>Real-Pers Prop Tax-Cap Leases</t>
  </si>
  <si>
    <t>KYPCO 2022 LPP CLEAR ACCOUNTS</t>
  </si>
  <si>
    <t>920</t>
  </si>
  <si>
    <t>2024-09-03-09.22.30.173799</t>
  </si>
  <si>
    <t>KYPCO KY 2022 LPP-KY110</t>
  </si>
  <si>
    <t>G0000117</t>
  </si>
  <si>
    <t>2024-09-03-09.22.32.801573</t>
  </si>
  <si>
    <t>KYPCO KY 2022 LPP-KY117</t>
  </si>
  <si>
    <t>G0000180</t>
  </si>
  <si>
    <t>2024-09-03-09.22.34.689843</t>
  </si>
  <si>
    <t>KYPCO KY 2022 LPP-KY180</t>
  </si>
  <si>
    <t>Real Personal Property Taxes</t>
  </si>
  <si>
    <t>NORMAL MONTHLY AMORTIZATIONS</t>
  </si>
  <si>
    <t>999</t>
  </si>
  <si>
    <t>2025-02-04-13.57.43.624834</t>
  </si>
  <si>
    <t>KYPCO KY 2025 OWNED-KY110</t>
  </si>
  <si>
    <t>G0001096</t>
  </si>
  <si>
    <t>2025-02-04-13.57.46.891437</t>
  </si>
  <si>
    <t>KYPCO KY 2025 OWNED-KY117</t>
  </si>
  <si>
    <t>2025-02-04-13.58.04.299799</t>
  </si>
  <si>
    <t>KYPCO KY 2025 OWNED-KY180</t>
  </si>
  <si>
    <t>2025-03-04-11.50.17.019652</t>
  </si>
  <si>
    <t>2025-03-04-11.50.19.314781</t>
  </si>
  <si>
    <t>2025-03-04-11.50.29.491186</t>
  </si>
  <si>
    <t>2025-04-01-09.10.11.006178</t>
  </si>
  <si>
    <t>2025-04-01-09.10.14.472239</t>
  </si>
  <si>
    <t>2025-04-01-09.10.31.021102</t>
  </si>
  <si>
    <t>2025-04-29-08.56.05.556739</t>
  </si>
  <si>
    <t>2025-04-29-08.56.10.471560</t>
  </si>
  <si>
    <t>2025-04-29-08.56.34.226548</t>
  </si>
  <si>
    <t>2025-06-02-15.35.50.660140</t>
  </si>
  <si>
    <t>2025-06-02-15.35.53.989158</t>
  </si>
  <si>
    <t>2025-06-02-15.36.10.104313</t>
  </si>
  <si>
    <t>2025-07-03-12.39.22.031245</t>
  </si>
  <si>
    <t>S375960</t>
  </si>
  <si>
    <t>2025-07-03-12.39.27.245121</t>
  </si>
  <si>
    <t>2025-07-03-12.39.53.475412</t>
  </si>
  <si>
    <t>2024-02-05-15.47.42.510307</t>
  </si>
  <si>
    <t>KYPCO KY 2024 LPP-KY110</t>
  </si>
  <si>
    <t>2024-02-05-15.47.45.202283</t>
  </si>
  <si>
    <t>KYPCO KY 2024 LPP-KY117</t>
  </si>
  <si>
    <t>2024-02-05-15.47.57.303261</t>
  </si>
  <si>
    <t>KYPCO KY 2024 LPP-KY180</t>
  </si>
  <si>
    <t>2024-03-01-11.59.15.859560</t>
  </si>
  <si>
    <t>2024-03-01-11.59.17.807341</t>
  </si>
  <si>
    <t>2024-03-01-11.59.29.068720</t>
  </si>
  <si>
    <t>Normal Monthly Amortizations</t>
  </si>
  <si>
    <t>2024-04-01-13.51.03.334099</t>
  </si>
  <si>
    <t>2024-04-01-13.51.05.885964</t>
  </si>
  <si>
    <t>2024-04-01-13.51.18.192679</t>
  </si>
  <si>
    <t>2024-04-30-06.53.13.603509</t>
  </si>
  <si>
    <t>2024-04-30-06.53.16.434780</t>
  </si>
  <si>
    <t>2024-04-30-06.53.29.560528</t>
  </si>
  <si>
    <t>2024-06-03-15.17.28.804972</t>
  </si>
  <si>
    <t>S357656</t>
  </si>
  <si>
    <t>2024-06-03-15.17.31.206475</t>
  </si>
  <si>
    <t>2024-06-03-15.17.42.221853</t>
  </si>
  <si>
    <t>2024-07-01-15.10.53.120153</t>
  </si>
  <si>
    <t>2024-07-01-15.10.55.844439</t>
  </si>
  <si>
    <t>2024-07-01-15.11.09.295145</t>
  </si>
  <si>
    <t>2024-07-31-11.58.43.491745</t>
  </si>
  <si>
    <t>2024-07-31-11.58.46.246661</t>
  </si>
  <si>
    <t>MITC996914</t>
  </si>
  <si>
    <t>Mitchell Joint Facility</t>
  </si>
  <si>
    <t>WV</t>
  </si>
  <si>
    <t>13403</t>
  </si>
  <si>
    <t>G0000413</t>
  </si>
  <si>
    <t>2024-08-05-12.11.25.207792</t>
  </si>
  <si>
    <t>GLA</t>
  </si>
  <si>
    <t>GLBATCH</t>
  </si>
  <si>
    <t>2024-07-31-11.58.56.180384</t>
  </si>
  <si>
    <t>2024-09-03-13.41.31.522390</t>
  </si>
  <si>
    <t>2024-09-03-13.41.34.891308</t>
  </si>
  <si>
    <t>2024-09-03-13.41.54.132138</t>
  </si>
  <si>
    <t>2024-09-30-15.34.07.239425</t>
  </si>
  <si>
    <t>2024-09-30-15.34.11.195720</t>
  </si>
  <si>
    <t>2024-09-30-15.34.30.402456</t>
  </si>
  <si>
    <t>2024-11-01-12.33.15.515970</t>
  </si>
  <si>
    <t>2024-11-01-12.33.18.916611</t>
  </si>
  <si>
    <t>2024-11-01-12.33.36.509667</t>
  </si>
  <si>
    <t>2024-11-28-08.17.07.416032</t>
  </si>
  <si>
    <t>2024-11-28-08.17.10.606672</t>
  </si>
  <si>
    <t>2024-11-28-08.17.22.373733</t>
  </si>
  <si>
    <t>2024-12-20-13.08.43.955432</t>
  </si>
  <si>
    <t>ADJUST TY2024 AMT BASED ON SET</t>
  </si>
  <si>
    <t>2025-01-02-11.10.05.871346</t>
  </si>
  <si>
    <t>2025-01-02-11.10.09.254439</t>
  </si>
  <si>
    <t>2024-12-20-13.08.47.278741</t>
  </si>
  <si>
    <t>2025-01-02-11.10.12.597387</t>
  </si>
  <si>
    <t>2024-12-20-13.09.03.869517</t>
  </si>
  <si>
    <t>KYPCO KY 2025 LPP-KY110</t>
  </si>
  <si>
    <t>KYPCO KY 2025 LPP-KY117</t>
  </si>
  <si>
    <t>KYPCO KY 2025 LPP-KY180</t>
  </si>
  <si>
    <t>2025-02-04-13.54.30.880109</t>
  </si>
  <si>
    <t>KYPCO KY 2025 LRE-KY110</t>
  </si>
  <si>
    <t>2025-03-04-11.38.28.762161</t>
  </si>
  <si>
    <t>2025-04-01-09.08.51.179205</t>
  </si>
  <si>
    <t>2025-04-29-08.54.31.481834</t>
  </si>
  <si>
    <t>2025-06-02-15.34.35.789939</t>
  </si>
  <si>
    <t>2025-07-03-11.50.55.554051</t>
  </si>
  <si>
    <t>INTCOM8241</t>
  </si>
  <si>
    <t>Intercompany Billing</t>
  </si>
  <si>
    <t>99910</t>
  </si>
  <si>
    <t>G0001267</t>
  </si>
  <si>
    <t>971</t>
  </si>
  <si>
    <t>2024-02-01-23.11.57.735592</t>
  </si>
  <si>
    <t>PRA</t>
  </si>
  <si>
    <t>MITC891143</t>
  </si>
  <si>
    <t>2024-02-05-12.04.34.413491</t>
  </si>
  <si>
    <t>TXAMTJKN</t>
  </si>
  <si>
    <t>2024-02-01-11.45.38.014686</t>
  </si>
  <si>
    <t>KYPCO WV 2023 OWNED-WV117</t>
  </si>
  <si>
    <t>2024-03-01-11.49.00.450573</t>
  </si>
  <si>
    <t>MITC908652</t>
  </si>
  <si>
    <t>2024-03-05-11.57.04.948236</t>
  </si>
  <si>
    <t>INTCOM6690</t>
  </si>
  <si>
    <t>2024-03-01-21.32.17.267639</t>
  </si>
  <si>
    <t>2024-04-01-10.54.07.059086</t>
  </si>
  <si>
    <t>S375386</t>
  </si>
  <si>
    <t>MITC926341</t>
  </si>
  <si>
    <t>2024-04-03-12.20.36.236744</t>
  </si>
  <si>
    <t>INTCOM3885</t>
  </si>
  <si>
    <t>2024-04-02-00.19.20.763422</t>
  </si>
  <si>
    <t>2024-04-30-04.23.43.754526</t>
  </si>
  <si>
    <t>S380187</t>
  </si>
  <si>
    <t>MITC944130</t>
  </si>
  <si>
    <t>2024-05-03-12.04.35.695928</t>
  </si>
  <si>
    <t>INTCOM2129</t>
  </si>
  <si>
    <t>2024-05-01-23.56.19.746518</t>
  </si>
  <si>
    <t>MITC962034</t>
  </si>
  <si>
    <t>2024-06-05-12.20.52.147610</t>
  </si>
  <si>
    <t>INTCOM9946</t>
  </si>
  <si>
    <t>2024-06-04-01.57.50.929940</t>
  </si>
  <si>
    <t>2024-06-03-14.42.03.703501</t>
  </si>
  <si>
    <t>S347776</t>
  </si>
  <si>
    <t>KYPCO WV 2023 OWNED WV117</t>
  </si>
  <si>
    <t>2024-07-01-11.59.55.090844</t>
  </si>
  <si>
    <t>MITC978946</t>
  </si>
  <si>
    <t>2024-07-03-12.27.32.671268</t>
  </si>
  <si>
    <t>INTCOM6938</t>
  </si>
  <si>
    <t>2024-07-02-00.54.06.602466</t>
  </si>
  <si>
    <t>ALLOINCEXP</t>
  </si>
  <si>
    <t>TO TRANSFER MONTHLY EXPENSE OR</t>
  </si>
  <si>
    <t>MI</t>
  </si>
  <si>
    <t>2024-08-02-16.57.55.486559</t>
  </si>
  <si>
    <t>S300222</t>
  </si>
  <si>
    <t>2025-01-03-20.05.33.795946</t>
  </si>
  <si>
    <t>2025-01-03-20.05.36.829158</t>
  </si>
  <si>
    <t>Clear KY payments Vintage 21</t>
  </si>
  <si>
    <t>2024-04-01-13.57.17.914541</t>
  </si>
  <si>
    <t>KYPCO KY 2022 OWNED-KY110</t>
  </si>
  <si>
    <t>2024-04-01-13.57.20.660634</t>
  </si>
  <si>
    <t>KYPCO KY 2022 OWNED-KY117</t>
  </si>
  <si>
    <t>2024-04-01-13.57.22.469921</t>
  </si>
  <si>
    <t>KYPCO KY 2022 OWNED-KY180</t>
  </si>
  <si>
    <t>CLEAR 236 BALANCE</t>
  </si>
  <si>
    <t>2024-11-28-08.20.59.599407</t>
  </si>
  <si>
    <t>KYPCO KY 2024 OWNED-KY110</t>
  </si>
  <si>
    <t>KYPCO KY 2024 OWNED-KY117</t>
  </si>
  <si>
    <t>2025-02-03-16.51.07.990845</t>
  </si>
  <si>
    <t>KYPCO WV 2024 OWNED-WV117</t>
  </si>
  <si>
    <t>MITC097256</t>
  </si>
  <si>
    <t>2025-02-05-12.28.44.266319</t>
  </si>
  <si>
    <t>INTCOM5795</t>
  </si>
  <si>
    <t>2025-02-04-01.40.00.464277</t>
  </si>
  <si>
    <t>KYPCO KY 2024 OWNED-KY180</t>
  </si>
  <si>
    <t>MITC112289</t>
  </si>
  <si>
    <t>2025-03-05-12.12.04.777681</t>
  </si>
  <si>
    <t>INTCOM0861</t>
  </si>
  <si>
    <t>2025-03-04-00.23.26.283751</t>
  </si>
  <si>
    <t>2025-03-03-11.58.00.992898</t>
  </si>
  <si>
    <t>MITC128056</t>
  </si>
  <si>
    <t>2025-04-03-12.24.57.961516</t>
  </si>
  <si>
    <t>INTCOM6550</t>
  </si>
  <si>
    <t>2025-04-02-03.57.48.457983</t>
  </si>
  <si>
    <t>2025-04-01-09.53.28.558744</t>
  </si>
  <si>
    <t>2025-05-01-11.12.35.518579</t>
  </si>
  <si>
    <t>S383448</t>
  </si>
  <si>
    <t>KYPCO WV 2024 OWNED WV117</t>
  </si>
  <si>
    <t>MITC144007</t>
  </si>
  <si>
    <t>2025-05-05-12.10.47.702133</t>
  </si>
  <si>
    <t>INTCOM2473</t>
  </si>
  <si>
    <t>2025-05-01-23.31.33.996537</t>
  </si>
  <si>
    <t>MITC159825</t>
  </si>
  <si>
    <t>2025-06-04-12.39.05.340536</t>
  </si>
  <si>
    <t>2025-06-02-11.23.43.580852</t>
  </si>
  <si>
    <t>INTCOM8289</t>
  </si>
  <si>
    <t>2025-06-03-01.18.56.403883</t>
  </si>
  <si>
    <t>INTCOM3977</t>
  </si>
  <si>
    <t>2025-07-02-03.16.27.544507</t>
  </si>
  <si>
    <t>MITC175217</t>
  </si>
  <si>
    <t>2025-07-03-12.28.29.004193</t>
  </si>
  <si>
    <t>2025-07-01-14.11.21.896950</t>
  </si>
  <si>
    <t>2024-07-31-11.13.11.733532</t>
  </si>
  <si>
    <t>KYPCO WV 2024 OWNED-WV110</t>
  </si>
  <si>
    <t>2024-07-31-11.13.16.239940</t>
  </si>
  <si>
    <t>INTCOM4831</t>
  </si>
  <si>
    <t>2024-08-02-00.15.19.729610</t>
  </si>
  <si>
    <t>TXACCJKN</t>
  </si>
  <si>
    <t>CORRECTIONS TO CWIP CHARGES FR</t>
  </si>
  <si>
    <t>2024-09-03-11.10.24.880164</t>
  </si>
  <si>
    <t>KYPCO CWIP ENTRY REVERSAL</t>
  </si>
  <si>
    <t>MITC013998</t>
  </si>
  <si>
    <t>2024-09-05-12.34.06.934348</t>
  </si>
  <si>
    <t>INTCOM1966</t>
  </si>
  <si>
    <t>2024-09-04-00.43.30.471615</t>
  </si>
  <si>
    <t>2024-09-03-12.31.29.661472</t>
  </si>
  <si>
    <t>KYPCo WV TY2024 AMT adj based</t>
  </si>
  <si>
    <t>2024-10-02-12.35.01.127213</t>
  </si>
  <si>
    <t>TY24 AMT ADJ-UTILITY</t>
  </si>
  <si>
    <t>2024-10-02-12.35.04.260552</t>
  </si>
  <si>
    <t>MITC030680</t>
  </si>
  <si>
    <t>2024-10-03-12.15.53.328118</t>
  </si>
  <si>
    <t>INTCOM8318</t>
  </si>
  <si>
    <t>2024-10-02-01.29.07.194377</t>
  </si>
  <si>
    <t>2024-10-01-13.57.16.643246</t>
  </si>
  <si>
    <t>MITC048776</t>
  </si>
  <si>
    <t>2024-11-05-12.04.36.985693</t>
  </si>
  <si>
    <t>INTCOM6923</t>
  </si>
  <si>
    <t>2024-11-02-02.58.10.750320</t>
  </si>
  <si>
    <t>2024-10-30-06.23.59.237955</t>
  </si>
  <si>
    <t>2024-11-25-04.38.51.686113</t>
  </si>
  <si>
    <t>INTCOM2593</t>
  </si>
  <si>
    <t>2024-12-03-00.37.44.238494</t>
  </si>
  <si>
    <t>MITC064177</t>
  </si>
  <si>
    <t>2024-12-04-12.26.16.742638</t>
  </si>
  <si>
    <t>MITC079841</t>
  </si>
  <si>
    <t>2025-01-04-12.31.21.491255</t>
  </si>
  <si>
    <t>INTCOM8415</t>
  </si>
  <si>
    <t>2025-01-03-01.55.58.110274</t>
  </si>
  <si>
    <t>2024-12-20-13.31.55.421015</t>
  </si>
  <si>
    <t>4081029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(* #,##0.00_);_(* \(#,##0.00\);_(* &quot;-&quot;??_);_(@_)"/>
    <numFmt numFmtId="164" formatCode="&quot;$&quot;#,##0"/>
    <numFmt numFmtId="165" formatCode="&quot;$&quot;#,##0.00"/>
    <numFmt numFmtId="166" formatCode="_(* #,##0_);_(* \(#,##0\);_(* &quot;-&quot;??_);_(@_)"/>
  </numFmts>
  <fonts count="11">
    <font>
      <sz val="10"/>
      <name val="Arial"/>
    </font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0"/>
      <name val="Arial Unicode MS"/>
    </font>
    <font>
      <sz val="10"/>
      <name val="Arial Unicode MS"/>
      <family val="2"/>
    </font>
    <font>
      <b/>
      <sz val="10"/>
      <name val="Arial Unicode MS"/>
    </font>
    <font>
      <sz val="10"/>
      <name val="Times New Roman"/>
      <family val="1"/>
    </font>
    <font>
      <sz val="10"/>
      <name val="Arial"/>
      <family val="2"/>
    </font>
    <font>
      <sz val="10"/>
      <color rgb="FFFF0000"/>
      <name val="Arial Unicode MS"/>
    </font>
  </fonts>
  <fills count="7">
    <fill>
      <patternFill patternType="none"/>
    </fill>
    <fill>
      <patternFill patternType="gray125"/>
    </fill>
    <fill>
      <patternFill patternType="solid">
        <fgColor theme="3" tint="0.59999389629810485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79998168889431442"/>
        <bgColor theme="9" tint="0.79998168889431442"/>
      </patternFill>
    </fill>
    <fill>
      <patternFill patternType="solid">
        <fgColor theme="5" tint="0.79998168889431442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theme="9" tint="0.39997558519241921"/>
      </left>
      <right/>
      <top style="thin">
        <color theme="9" tint="0.39997558519241921"/>
      </top>
      <bottom style="thin">
        <color theme="9" tint="0.39997558519241921"/>
      </bottom>
      <diagonal/>
    </border>
    <border>
      <left/>
      <right/>
      <top style="thin">
        <color theme="9" tint="0.39997558519241921"/>
      </top>
      <bottom style="thin">
        <color theme="9" tint="0.39997558519241921"/>
      </bottom>
      <diagonal/>
    </border>
    <border>
      <left/>
      <right style="thin">
        <color theme="9" tint="0.39997558519241921"/>
      </right>
      <top style="thin">
        <color theme="9" tint="0.39997558519241921"/>
      </top>
      <bottom style="thin">
        <color theme="9" tint="0.39997558519241921"/>
      </bottom>
      <diagonal/>
    </border>
  </borders>
  <cellStyleXfs count="5">
    <xf numFmtId="0" fontId="0" fillId="0" borderId="0"/>
    <xf numFmtId="43" fontId="9" fillId="0" borderId="0" applyFont="0" applyFill="0" applyBorder="0" applyAlignment="0" applyProtection="0"/>
    <xf numFmtId="0" fontId="1" fillId="0" borderId="0"/>
    <xf numFmtId="0" fontId="5" fillId="0" borderId="0"/>
    <xf numFmtId="43" fontId="2" fillId="0" borderId="0" applyFont="0" applyFill="0" applyBorder="0" applyAlignment="0" applyProtection="0"/>
  </cellStyleXfs>
  <cellXfs count="87">
    <xf numFmtId="0" fontId="0" fillId="0" borderId="0" xfId="0"/>
    <xf numFmtId="0" fontId="4" fillId="0" borderId="0" xfId="2" applyFont="1" applyAlignment="1">
      <alignment horizontal="centerContinuous"/>
    </xf>
    <xf numFmtId="0" fontId="1" fillId="0" borderId="0" xfId="2" applyAlignment="1">
      <alignment horizontal="centerContinuous"/>
    </xf>
    <xf numFmtId="0" fontId="5" fillId="0" borderId="0" xfId="3"/>
    <xf numFmtId="0" fontId="6" fillId="0" borderId="0" xfId="3" applyFont="1"/>
    <xf numFmtId="0" fontId="0" fillId="0" borderId="0" xfId="2" applyFont="1" applyAlignment="1">
      <alignment horizontal="center" wrapText="1"/>
    </xf>
    <xf numFmtId="49" fontId="1" fillId="0" borderId="0" xfId="2" applyNumberFormat="1" applyAlignment="1">
      <alignment horizontal="center"/>
    </xf>
    <xf numFmtId="49" fontId="0" fillId="0" borderId="0" xfId="2" applyNumberFormat="1" applyFont="1" applyAlignment="1">
      <alignment horizontal="center" wrapText="1"/>
    </xf>
    <xf numFmtId="0" fontId="1" fillId="0" borderId="0" xfId="2" applyAlignment="1">
      <alignment horizontal="center"/>
    </xf>
    <xf numFmtId="0" fontId="0" fillId="0" borderId="0" xfId="2" applyFont="1" applyAlignment="1">
      <alignment horizontal="left" wrapText="1"/>
    </xf>
    <xf numFmtId="164" fontId="1" fillId="0" borderId="0" xfId="2" applyNumberFormat="1"/>
    <xf numFmtId="0" fontId="1" fillId="0" borderId="0" xfId="2"/>
    <xf numFmtId="0" fontId="0" fillId="0" borderId="0" xfId="2" applyFont="1" applyAlignment="1">
      <alignment wrapText="1"/>
    </xf>
    <xf numFmtId="164" fontId="1" fillId="0" borderId="1" xfId="2" applyNumberFormat="1" applyBorder="1"/>
    <xf numFmtId="0" fontId="1" fillId="0" borderId="0" xfId="2" quotePrefix="1"/>
    <xf numFmtId="0" fontId="6" fillId="0" borderId="0" xfId="3" applyFont="1" applyAlignment="1">
      <alignment horizontal="right"/>
    </xf>
    <xf numFmtId="165" fontId="5" fillId="0" borderId="0" xfId="3" applyNumberFormat="1"/>
    <xf numFmtId="164" fontId="5" fillId="0" borderId="2" xfId="3" applyNumberFormat="1" applyBorder="1"/>
    <xf numFmtId="0" fontId="8" fillId="0" borderId="0" xfId="3" applyFont="1"/>
    <xf numFmtId="166" fontId="10" fillId="0" borderId="0" xfId="1" applyNumberFormat="1" applyFont="1"/>
    <xf numFmtId="0" fontId="10" fillId="0" borderId="0" xfId="3" applyFont="1"/>
    <xf numFmtId="164" fontId="5" fillId="0" borderId="0" xfId="3" applyNumberFormat="1"/>
    <xf numFmtId="0" fontId="4" fillId="0" borderId="3" xfId="2" applyFont="1" applyBorder="1"/>
    <xf numFmtId="0" fontId="4" fillId="0" borderId="4" xfId="2" applyFont="1" applyBorder="1"/>
    <xf numFmtId="0" fontId="1" fillId="0" borderId="4" xfId="2" applyBorder="1"/>
    <xf numFmtId="0" fontId="1" fillId="0" borderId="5" xfId="2" applyBorder="1"/>
    <xf numFmtId="0" fontId="1" fillId="0" borderId="6" xfId="2" applyBorder="1"/>
    <xf numFmtId="14" fontId="4" fillId="0" borderId="7" xfId="2" applyNumberFormat="1" applyFont="1" applyBorder="1"/>
    <xf numFmtId="0" fontId="1" fillId="0" borderId="8" xfId="2" applyBorder="1"/>
    <xf numFmtId="0" fontId="0" fillId="0" borderId="6" xfId="2" applyFont="1" applyBorder="1" applyAlignment="1">
      <alignment horizontal="right"/>
    </xf>
    <xf numFmtId="164" fontId="5" fillId="2" borderId="0" xfId="3" applyNumberFormat="1" applyFill="1"/>
    <xf numFmtId="0" fontId="0" fillId="0" borderId="8" xfId="2" applyFont="1" applyBorder="1"/>
    <xf numFmtId="0" fontId="1" fillId="0" borderId="6" xfId="2" applyBorder="1" applyAlignment="1">
      <alignment horizontal="right"/>
    </xf>
    <xf numFmtId="164" fontId="2" fillId="0" borderId="0" xfId="4" applyNumberFormat="1" applyFont="1" applyBorder="1"/>
    <xf numFmtId="0" fontId="0" fillId="0" borderId="8" xfId="2" applyFont="1" applyBorder="1" applyAlignment="1">
      <alignment horizontal="left"/>
    </xf>
    <xf numFmtId="0" fontId="1" fillId="0" borderId="8" xfId="2" applyBorder="1" applyAlignment="1">
      <alignment horizontal="left"/>
    </xf>
    <xf numFmtId="0" fontId="0" fillId="0" borderId="6" xfId="2" quotePrefix="1" applyFont="1" applyBorder="1" applyAlignment="1">
      <alignment horizontal="right" wrapText="1"/>
    </xf>
    <xf numFmtId="0" fontId="0" fillId="0" borderId="8" xfId="2" quotePrefix="1" applyFont="1" applyBorder="1" applyAlignment="1">
      <alignment horizontal="left"/>
    </xf>
    <xf numFmtId="0" fontId="1" fillId="0" borderId="9" xfId="2" applyBorder="1"/>
    <xf numFmtId="164" fontId="4" fillId="0" borderId="7" xfId="2" applyNumberFormat="1" applyFont="1" applyBorder="1"/>
    <xf numFmtId="164" fontId="1" fillId="0" borderId="4" xfId="2" applyNumberFormat="1" applyBorder="1"/>
    <xf numFmtId="164" fontId="1" fillId="2" borderId="0" xfId="2" applyNumberFormat="1" applyFill="1"/>
    <xf numFmtId="0" fontId="1" fillId="0" borderId="6" xfId="2" quotePrefix="1" applyBorder="1" applyAlignment="1">
      <alignment horizontal="right" wrapText="1"/>
    </xf>
    <xf numFmtId="0" fontId="1" fillId="0" borderId="8" xfId="2" quotePrefix="1" applyBorder="1" applyAlignment="1">
      <alignment horizontal="left"/>
    </xf>
    <xf numFmtId="164" fontId="5" fillId="3" borderId="11" xfId="3" applyNumberFormat="1" applyFill="1" applyBorder="1"/>
    <xf numFmtId="43" fontId="5" fillId="0" borderId="0" xfId="3" applyNumberFormat="1"/>
    <xf numFmtId="0" fontId="4" fillId="0" borderId="0" xfId="2" applyFont="1"/>
    <xf numFmtId="0" fontId="0" fillId="0" borderId="0" xfId="2" applyFont="1"/>
    <xf numFmtId="0" fontId="6" fillId="0" borderId="0" xfId="3" quotePrefix="1" applyFont="1"/>
    <xf numFmtId="164" fontId="5" fillId="0" borderId="12" xfId="3" applyNumberFormat="1" applyBorder="1"/>
    <xf numFmtId="14" fontId="0" fillId="0" borderId="0" xfId="0" applyNumberFormat="1"/>
    <xf numFmtId="43" fontId="0" fillId="4" borderId="0" xfId="0" applyNumberFormat="1" applyFill="1"/>
    <xf numFmtId="43" fontId="0" fillId="0" borderId="0" xfId="0" applyNumberFormat="1"/>
    <xf numFmtId="43" fontId="1" fillId="0" borderId="0" xfId="2" applyNumberFormat="1"/>
    <xf numFmtId="14" fontId="0" fillId="0" borderId="0" xfId="0" quotePrefix="1" applyNumberFormat="1"/>
    <xf numFmtId="43" fontId="0" fillId="0" borderId="0" xfId="1" applyFont="1"/>
    <xf numFmtId="0" fontId="0" fillId="0" borderId="0" xfId="0" quotePrefix="1"/>
    <xf numFmtId="0" fontId="6" fillId="0" borderId="0" xfId="2" applyFont="1" applyAlignment="1">
      <alignment horizontal="right"/>
    </xf>
    <xf numFmtId="40" fontId="1" fillId="4" borderId="0" xfId="2" applyNumberFormat="1" applyFill="1"/>
    <xf numFmtId="40" fontId="1" fillId="0" borderId="0" xfId="2" applyNumberFormat="1"/>
    <xf numFmtId="165" fontId="1" fillId="0" borderId="0" xfId="2" applyNumberFormat="1"/>
    <xf numFmtId="165" fontId="1" fillId="0" borderId="12" xfId="2" applyNumberFormat="1" applyBorder="1"/>
    <xf numFmtId="0" fontId="0" fillId="5" borderId="13" xfId="0" applyFill="1" applyBorder="1"/>
    <xf numFmtId="14" fontId="0" fillId="5" borderId="14" xfId="0" applyNumberFormat="1" applyFill="1" applyBorder="1"/>
    <xf numFmtId="0" fontId="0" fillId="5" borderId="14" xfId="0" applyFill="1" applyBorder="1"/>
    <xf numFmtId="0" fontId="0" fillId="5" borderId="15" xfId="0" applyFill="1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43" fontId="0" fillId="6" borderId="0" xfId="0" applyNumberFormat="1" applyFill="1"/>
    <xf numFmtId="164" fontId="4" fillId="6" borderId="7" xfId="2" applyNumberFormat="1" applyFont="1" applyFill="1" applyBorder="1"/>
    <xf numFmtId="0" fontId="4" fillId="6" borderId="10" xfId="2" applyFont="1" applyFill="1" applyBorder="1" applyAlignment="1">
      <alignment horizontal="left"/>
    </xf>
    <xf numFmtId="0" fontId="3" fillId="0" borderId="13" xfId="0" applyFont="1" applyFill="1" applyBorder="1"/>
    <xf numFmtId="14" fontId="3" fillId="0" borderId="14" xfId="0" applyNumberFormat="1" applyFont="1" applyFill="1" applyBorder="1"/>
    <xf numFmtId="0" fontId="3" fillId="0" borderId="14" xfId="0" applyFont="1" applyFill="1" applyBorder="1"/>
    <xf numFmtId="43" fontId="3" fillId="0" borderId="14" xfId="1" applyFont="1" applyFill="1" applyBorder="1"/>
    <xf numFmtId="0" fontId="3" fillId="0" borderId="15" xfId="0" applyFont="1" applyFill="1" applyBorder="1"/>
    <xf numFmtId="0" fontId="1" fillId="0" borderId="0" xfId="2" applyFill="1"/>
    <xf numFmtId="0" fontId="0" fillId="0" borderId="13" xfId="0" applyFill="1" applyBorder="1"/>
    <xf numFmtId="14" fontId="0" fillId="0" borderId="14" xfId="0" applyNumberFormat="1" applyFill="1" applyBorder="1"/>
    <xf numFmtId="0" fontId="0" fillId="0" borderId="14" xfId="0" applyFill="1" applyBorder="1"/>
    <xf numFmtId="0" fontId="0" fillId="0" borderId="15" xfId="0" applyFill="1" applyBorder="1"/>
    <xf numFmtId="43" fontId="0" fillId="0" borderId="14" xfId="1" applyFont="1" applyFill="1" applyBorder="1"/>
    <xf numFmtId="14" fontId="1" fillId="0" borderId="0" xfId="2" applyNumberFormat="1" applyFill="1"/>
    <xf numFmtId="43" fontId="1" fillId="0" borderId="0" xfId="1" applyFont="1" applyFill="1"/>
    <xf numFmtId="0" fontId="7" fillId="0" borderId="0" xfId="3" applyFont="1" applyAlignment="1">
      <alignment horizontal="center"/>
    </xf>
    <xf numFmtId="0" fontId="5" fillId="0" borderId="0" xfId="3" applyAlignment="1">
      <alignment horizontal="center"/>
    </xf>
  </cellXfs>
  <cellStyles count="5">
    <cellStyle name="Comma" xfId="1" builtinId="3"/>
    <cellStyle name="Comma 2 2" xfId="4" xr:uid="{0C4C745D-109B-4968-B229-BB15F1760154}"/>
    <cellStyle name="Normal" xfId="0" builtinId="0"/>
    <cellStyle name="Normal 2" xfId="3" xr:uid="{8BF50EAA-C02E-4F2A-9DDA-38689CD5E3EA}"/>
    <cellStyle name="Normal 3" xfId="2" xr:uid="{0BC65609-0CE7-4D36-9594-3207ED06DE53}"/>
  </cellStyles>
  <dxfs count="12">
    <dxf>
      <fill>
        <patternFill patternType="solid">
          <bgColor theme="9" tint="0.79998168889431442"/>
        </patternFill>
      </fill>
    </dxf>
    <dxf>
      <fill>
        <patternFill patternType="solid">
          <bgColor theme="9" tint="0.79998168889431442"/>
        </patternFill>
      </fill>
    </dxf>
    <dxf>
      <fill>
        <patternFill patternType="solid">
          <bgColor theme="9" tint="0.79998168889431442"/>
        </patternFill>
      </fill>
    </dxf>
    <dxf>
      <fill>
        <patternFill patternType="solid">
          <bgColor theme="9" tint="0.79998168889431442"/>
        </patternFill>
      </fill>
    </dxf>
    <dxf>
      <fill>
        <patternFill patternType="none">
          <bgColor auto="1"/>
        </patternFill>
      </fill>
    </dxf>
    <dxf>
      <fill>
        <patternFill patternType="solid">
          <bgColor theme="9" tint="0.79998168889431442"/>
        </patternFill>
      </fill>
    </dxf>
    <dxf>
      <fill>
        <patternFill patternType="solid">
          <bgColor theme="9" tint="0.79998168889431442"/>
        </patternFill>
      </fill>
    </dxf>
    <dxf>
      <fill>
        <patternFill>
          <bgColor theme="9" tint="0.79998168889431442"/>
        </patternFill>
      </fill>
    </dxf>
    <dxf>
      <fill>
        <patternFill>
          <bgColor theme="9" tint="0.79998168889431442"/>
        </patternFill>
      </fill>
    </dxf>
    <dxf>
      <fill>
        <patternFill patternType="solid">
          <bgColor theme="9" tint="0.79998168889431442"/>
        </patternFill>
      </fill>
    </dxf>
    <dxf>
      <fill>
        <patternFill patternType="solid">
          <bgColor theme="9" tint="0.79998168889431442"/>
        </patternFill>
      </fill>
    </dxf>
    <dxf>
      <numFmt numFmtId="35" formatCode="_(* #,##0.00_);_(* \(#,##0.0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13" Type="http://schemas.openxmlformats.org/officeDocument/2006/relationships/customXml" Target="../customXml/item4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2.xml"/><Relationship Id="rId5" Type="http://schemas.openxmlformats.org/officeDocument/2006/relationships/pivotCacheDefinition" Target="pivotCache/pivotCacheDefinition1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Relationship Id="rId14" Type="http://schemas.openxmlformats.org/officeDocument/2006/relationships/customXml" Target="../customXml/item5.xml"/></Relationships>
</file>

<file path=xl/pivotCache/_rels/pivotCacheDefinition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378658\AppData\Local\Microsoft\Windows\INetCache\Content.Outlook\TZI3VDXJ\Taxes%20Other%20Than%20Income%20Tax%20-%202025.xlsx" TargetMode="External"/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s337959" refreshedDate="45846.646182060183" createdVersion="8" refreshedVersion="8" minRefreshableVersion="3" recordCount="205" xr:uid="{3A764109-FB12-4484-9130-1545A8A38718}">
  <cacheSource type="worksheet">
    <worksheetSource ref="A1:AB206" sheet="PS Query" r:id="rId2"/>
  </cacheSource>
  <cacheFields count="28">
    <cacheField name="Business Unit" numFmtId="0">
      <sharedItems count="3">
        <s v="110"/>
        <s v="117"/>
        <s v="180"/>
      </sharedItems>
    </cacheField>
    <cacheField name="JE Date" numFmtId="14">
      <sharedItems containsSemiMixedTypes="0" containsNonDate="0" containsDate="1" containsString="0" containsMixedTypes="1" minDate="2024-01-31T00:00:00" maxDate="1900-01-04T04:51:04" count="51">
        <d v="2024-08-26T00:00:00"/>
        <d v="2024-01-31T00:00:00"/>
        <d v="2024-02-29T00:00:00"/>
        <d v="2024-03-31T00:00:00"/>
        <d v="2024-04-30T00:00:00"/>
        <d v="2024-05-31T00:00:00"/>
        <d v="2024-06-30T00:00:00"/>
        <d v="2024-07-31T00:00:00"/>
        <d v="2024-08-31T00:00:00"/>
        <d v="2024-09-30T00:00:00"/>
        <d v="2024-10-31T00:00:00"/>
        <d v="2024-11-30T00:00:00"/>
        <d v="2024-12-30T00:00:00"/>
        <d v="2024-12-31T00:00:00"/>
        <d v="2024-08-24T00:00:00"/>
        <d v="2025-01-31T00:00:00"/>
        <d v="2025-02-28T00:00:00"/>
        <d v="2025-03-31T00:00:00"/>
        <d v="2025-04-30T00:00:00"/>
        <d v="2025-05-31T00:00:00"/>
        <d v="2025-06-30T00:00:00"/>
        <d v="2024-12-19T00:00:00"/>
        <d v="2024-02-28T00:00:00"/>
        <d v="2024-03-25T00:00:00"/>
        <d v="2024-11-20T00:00:00"/>
        <d v="2024-09-29T00:00:00"/>
        <n v="45808" u="1"/>
        <n v="45838" u="1"/>
        <n v="45322" u="1"/>
        <n v="45351" u="1"/>
        <n v="45382" u="1"/>
        <n v="45412" u="1"/>
        <n v="45443" u="1"/>
        <n v="45473" u="1"/>
        <n v="45504" u="1"/>
        <n v="45535" u="1"/>
        <n v="45565" u="1"/>
        <n v="45596" u="1"/>
        <n v="45626" u="1"/>
        <n v="45657" u="1"/>
        <n v="45645" u="1"/>
        <n v="45688" u="1"/>
        <n v="45716" u="1"/>
        <n v="45747" u="1"/>
        <n v="45777" u="1"/>
        <n v="45350" u="1"/>
        <n v="45656" u="1"/>
        <n v="45376" u="1"/>
        <n v="45616" u="1"/>
        <n v="45530" u="1"/>
        <n v="45564" u="1"/>
      </sharedItems>
    </cacheField>
    <cacheField name="JE ID" numFmtId="0">
      <sharedItems count="42">
        <s v="TXACCABA"/>
        <s v="TXOUAABA"/>
        <s v="TXAMTABA"/>
        <s v="MITC996914"/>
        <s v="INTCOM8241"/>
        <s v="MITC891143"/>
        <s v="TXAMTJKN"/>
        <s v="MITC908652"/>
        <s v="INTCOM6690"/>
        <s v="MITC926341"/>
        <s v="INTCOM3885"/>
        <s v="MITC944130"/>
        <s v="INTCOM2129"/>
        <s v="MITC962034"/>
        <s v="INTCOM9946"/>
        <s v="MITC978946"/>
        <s v="INTCOM6938"/>
        <s v="ALLOINCEXP"/>
        <s v="MITC097256"/>
        <s v="INTCOM5795"/>
        <s v="MITC112289"/>
        <s v="INTCOM0861"/>
        <s v="MITC128056"/>
        <s v="INTCOM6550"/>
        <s v="MITC144007"/>
        <s v="INTCOM2473"/>
        <s v="MITC159825"/>
        <s v="INTCOM8289"/>
        <s v="INTCOM3977"/>
        <s v="MITC175217"/>
        <s v="INTCOM4831"/>
        <s v="TXACCJKN"/>
        <s v="MITC013998"/>
        <s v="INTCOM1966"/>
        <s v="MITC030680"/>
        <s v="INTCOM8318"/>
        <s v="MITC048776"/>
        <s v="INTCOM6923"/>
        <s v="INTCOM2593"/>
        <s v="MITC064177"/>
        <s v="MITC079841"/>
        <s v="INTCOM8415"/>
      </sharedItems>
    </cacheField>
    <cacheField name="Month" numFmtId="0">
      <sharedItems containsSemiMixedTypes="0" containsString="0" containsNumber="1" containsInteger="1" minValue="1" maxValue="12"/>
    </cacheField>
    <cacheField name="Year" numFmtId="0">
      <sharedItems containsSemiMixedTypes="0" containsString="0" containsNumber="1" containsInteger="1" minValue="2024" maxValue="2025"/>
    </cacheField>
    <cacheField name="Account" numFmtId="0">
      <sharedItems count="11">
        <s v="408103623"/>
        <s v="408103624"/>
        <s v="408102922"/>
        <s v="408100524"/>
        <s v="408102924"/>
        <s v="408102925"/>
        <s v="408103625"/>
        <s v="408100522"/>
        <s v="408100521"/>
        <s v="408100523"/>
        <s v="408102923"/>
      </sharedItems>
    </cacheField>
    <cacheField name="Account Descrip." numFmtId="0">
      <sharedItems/>
    </cacheField>
    <cacheField name="JE Description" numFmtId="0">
      <sharedItems/>
    </cacheField>
    <cacheField name="OPERATING_UNIT" numFmtId="0">
      <sharedItems/>
    </cacheField>
    <cacheField name="DEPTID" numFmtId="0">
      <sharedItems/>
    </cacheField>
    <cacheField name="Debit / (Credit)" numFmtId="0">
      <sharedItems containsSemiMixedTypes="0" containsString="0" containsNumber="1" minValue="-3581708" maxValue="959733"/>
    </cacheField>
    <cacheField name="PRODUCT" numFmtId="0">
      <sharedItems/>
    </cacheField>
    <cacheField name="AFFILIATE" numFmtId="0">
      <sharedItems/>
    </cacheField>
    <cacheField name="BUSINESS_UNIT_PC" numFmtId="0">
      <sharedItems/>
    </cacheField>
    <cacheField name="ACTIVITY_ID" numFmtId="0">
      <sharedItems/>
    </cacheField>
    <cacheField name="RESOURCE_TYPE" numFmtId="0">
      <sharedItems/>
    </cacheField>
    <cacheField name="JRNL_BALANCE_STAT" numFmtId="0">
      <sharedItems/>
    </cacheField>
    <cacheField name="PROJECT_ID" numFmtId="0">
      <sharedItems/>
    </cacheField>
    <cacheField name="RESOURCE_CATEGORY" numFmtId="0">
      <sharedItems/>
    </cacheField>
    <cacheField name="RESOURCE_SUB_CAT" numFmtId="0">
      <sharedItems/>
    </cacheField>
    <cacheField name="JRNL_HDR_STATUS" numFmtId="0">
      <sharedItems/>
    </cacheField>
    <cacheField name="JE Timestamp" numFmtId="0">
      <sharedItems/>
    </cacheField>
    <cacheField name="JOURNAL_LINE" numFmtId="0">
      <sharedItems containsSemiMixedTypes="0" containsString="0" containsNumber="1" containsInteger="1" minValue="1" maxValue="162"/>
    </cacheField>
    <cacheField name="SOURCE" numFmtId="0">
      <sharedItems/>
    </cacheField>
    <cacheField name="OPRID" numFmtId="0">
      <sharedItems/>
    </cacheField>
    <cacheField name="JRNL_LN_REF" numFmtId="0">
      <sharedItems/>
    </cacheField>
    <cacheField name="TRANS_REF_NUM" numFmtId="0">
      <sharedItems/>
    </cacheField>
    <cacheField name="LINE_DESCR" numFmtId="0">
      <sharedItems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205">
  <r>
    <x v="0"/>
    <x v="0"/>
    <x v="0"/>
    <n v="8"/>
    <n v="2024"/>
    <x v="0"/>
    <s v="Real Prop Tax-Cap Leases"/>
    <s v="CLEAR KYPCO 23 LRE ACCOUNT"/>
    <s v="KY"/>
    <s v="12139"/>
    <n v="7431.19"/>
    <s v=" "/>
    <s v=" "/>
    <s v="FINAN"/>
    <s v="G0000110"/>
    <s v="910"/>
    <s v="V"/>
    <s v="FANANDA"/>
    <s v="655"/>
    <s v=" "/>
    <s v="P"/>
    <s v="2024-09-03-09.48.11.010607"/>
    <n v="1"/>
    <s v="ONB"/>
    <s v="B10104P"/>
    <s v=" "/>
    <s v="NONREC"/>
    <s v="KYPCO KY 2023 LRE-KY110"/>
  </r>
  <r>
    <x v="0"/>
    <x v="1"/>
    <x v="0"/>
    <n v="1"/>
    <n v="2024"/>
    <x v="1"/>
    <s v="Real Prop Tax-Cap Leases"/>
    <s v="NORMAL MONTHLY ACCRUALS"/>
    <s v="KY"/>
    <s v="12139"/>
    <n v="1134"/>
    <s v=" "/>
    <s v=" "/>
    <s v="FINAN"/>
    <s v="G0000110"/>
    <s v="910"/>
    <s v="V"/>
    <s v="FANANDA"/>
    <s v="655"/>
    <s v=" "/>
    <s v="P"/>
    <s v="2024-02-05-13.14.06.183925"/>
    <n v="1"/>
    <s v="ONB"/>
    <s v="B10104P"/>
    <s v=" "/>
    <s v="REC"/>
    <s v="KYPCO KY 2024 LRE-KY110"/>
  </r>
  <r>
    <x v="0"/>
    <x v="2"/>
    <x v="0"/>
    <n v="2"/>
    <n v="2024"/>
    <x v="1"/>
    <s v="Real Prop Tax-Cap Leases"/>
    <s v="NORMAL MONTHLY ACCRUALS"/>
    <s v="KY"/>
    <s v="12139"/>
    <n v="1134"/>
    <s v=" "/>
    <s v=" "/>
    <s v="FINAN"/>
    <s v="G0000110"/>
    <s v="910"/>
    <s v="V"/>
    <s v="FANANDA"/>
    <s v="655"/>
    <s v=" "/>
    <s v="P"/>
    <s v="2024-03-01-09.34.09.681164"/>
    <n v="1"/>
    <s v="ONB"/>
    <s v="B10104P"/>
    <s v=" "/>
    <s v="REC"/>
    <s v="KYPCO KY 2024 LRE-KY110"/>
  </r>
  <r>
    <x v="0"/>
    <x v="3"/>
    <x v="0"/>
    <n v="3"/>
    <n v="2024"/>
    <x v="1"/>
    <s v="Real Prop Tax-Cap Leases"/>
    <s v="NORMAL MONTHLY ACCRUALS"/>
    <s v="KY"/>
    <s v="12139"/>
    <n v="1134"/>
    <s v=" "/>
    <s v=" "/>
    <s v="FINAN"/>
    <s v="G0000110"/>
    <s v="910"/>
    <s v="V"/>
    <s v="FANANDA"/>
    <s v="655"/>
    <s v=" "/>
    <s v="P"/>
    <s v="2024-04-01-13.48.51.393022"/>
    <n v="1"/>
    <s v="UPL"/>
    <s v="S375387"/>
    <s v=" "/>
    <s v="REC"/>
    <s v="KYPCO KY 2024 LRE-KY110"/>
  </r>
  <r>
    <x v="0"/>
    <x v="4"/>
    <x v="0"/>
    <n v="4"/>
    <n v="2024"/>
    <x v="1"/>
    <s v="Real Prop Tax-Cap Leases"/>
    <s v="NORMAL MONTHLY ACCRUALS"/>
    <s v="KY"/>
    <s v="12139"/>
    <n v="1134"/>
    <s v=" "/>
    <s v=" "/>
    <s v="FINAN"/>
    <s v="G0000110"/>
    <s v="910"/>
    <s v="V"/>
    <s v="FANANDA"/>
    <s v="655"/>
    <s v=" "/>
    <s v="P"/>
    <s v="2024-04-30-06.50.35.052942"/>
    <n v="1"/>
    <s v="UPL"/>
    <s v="S343756"/>
    <s v=" "/>
    <s v="REC"/>
    <s v="KYPCO KY 2024 LRE-KY110"/>
  </r>
  <r>
    <x v="0"/>
    <x v="5"/>
    <x v="0"/>
    <n v="5"/>
    <n v="2024"/>
    <x v="1"/>
    <s v="Real Prop Tax-Cap Leases"/>
    <s v="NORMAL MONTHLY ACCRUALS"/>
    <s v="KY"/>
    <s v="12139"/>
    <n v="1134"/>
    <s v=" "/>
    <s v=" "/>
    <s v="FINAN"/>
    <s v="G0000110"/>
    <s v="910"/>
    <s v="V"/>
    <s v="FANANDA"/>
    <s v="655"/>
    <s v=" "/>
    <s v="P"/>
    <s v="2024-06-04-16.08.04.711913"/>
    <n v="1"/>
    <s v="UPL"/>
    <s v="S346957"/>
    <s v=" "/>
    <s v="REC"/>
    <s v="KYPCO KY 2024 LRE-KY110"/>
  </r>
  <r>
    <x v="0"/>
    <x v="6"/>
    <x v="0"/>
    <n v="6"/>
    <n v="2024"/>
    <x v="1"/>
    <s v="Real Prop Tax-Cap Leases"/>
    <s v="NORMAL MONTHLY ACCRUALS"/>
    <s v="KY"/>
    <s v="12139"/>
    <n v="1134"/>
    <s v=" "/>
    <s v=" "/>
    <s v="FINAN"/>
    <s v="G0000110"/>
    <s v="910"/>
    <s v="V"/>
    <s v="FANANDA"/>
    <s v="655"/>
    <s v=" "/>
    <s v="P"/>
    <s v="2024-07-01-13.43.31.085389"/>
    <n v="1"/>
    <s v="ONB"/>
    <s v="B10104P"/>
    <s v=" "/>
    <s v="REC"/>
    <s v="KYPCO KY 2024 LRE-KY110"/>
  </r>
  <r>
    <x v="0"/>
    <x v="7"/>
    <x v="0"/>
    <n v="7"/>
    <n v="2024"/>
    <x v="1"/>
    <s v="Real Prop Tax-Cap Leases"/>
    <s v="NORMAL MONTHLY ACCRUALS"/>
    <s v="KY"/>
    <s v="12139"/>
    <n v="1134"/>
    <s v=" "/>
    <s v=" "/>
    <s v="FINAN"/>
    <s v="G0000110"/>
    <s v="910"/>
    <s v="V"/>
    <s v="FANANDA"/>
    <s v="655"/>
    <s v=" "/>
    <s v="P"/>
    <s v="2024-07-31-11.56.44.889947"/>
    <n v="1"/>
    <s v="ONB"/>
    <s v="B10104P"/>
    <s v=" "/>
    <s v="REC"/>
    <s v="KYPCO KY 2024 LRE-KY110"/>
  </r>
  <r>
    <x v="0"/>
    <x v="8"/>
    <x v="0"/>
    <n v="8"/>
    <n v="2024"/>
    <x v="1"/>
    <s v="Real Prop Tax-Cap Leases"/>
    <s v="NORMAL MONTHLY ACCRUALS"/>
    <s v="KY"/>
    <s v="12139"/>
    <n v="1134"/>
    <s v=" "/>
    <s v=" "/>
    <s v="FINAN"/>
    <s v="G0000110"/>
    <s v="910"/>
    <s v="V"/>
    <s v="FANANDA"/>
    <s v="655"/>
    <s v=" "/>
    <s v="P"/>
    <s v="2024-09-03-08.47.23.004591"/>
    <n v="1"/>
    <s v="ONB"/>
    <s v="B10104P"/>
    <s v=" "/>
    <s v="REC"/>
    <s v="KYPCO KY 2024 LRE-KY110"/>
  </r>
  <r>
    <x v="0"/>
    <x v="9"/>
    <x v="0"/>
    <n v="9"/>
    <n v="2024"/>
    <x v="1"/>
    <s v="Real Prop Tax-Cap Leases"/>
    <s v="NORMAL MONTHLY ACCRUALS"/>
    <s v="KY"/>
    <s v="12139"/>
    <n v="1134"/>
    <s v=" "/>
    <s v=" "/>
    <s v="FINAN"/>
    <s v="G0000110"/>
    <s v="910"/>
    <s v="V"/>
    <s v="FANANDA"/>
    <s v="655"/>
    <s v=" "/>
    <s v="P"/>
    <s v="2024-09-30-15.31.31.356157"/>
    <n v="1"/>
    <s v="ONB"/>
    <s v="B10104P"/>
    <s v=" "/>
    <s v="REC"/>
    <s v="KYPCO KY 2024 LRE-KY110"/>
  </r>
  <r>
    <x v="0"/>
    <x v="10"/>
    <x v="0"/>
    <n v="10"/>
    <n v="2024"/>
    <x v="1"/>
    <s v="Real Prop Tax-Cap Leases"/>
    <s v="NORMAL MONTHLY ACCRUALS"/>
    <s v="KY"/>
    <s v="12139"/>
    <n v="1134"/>
    <s v=" "/>
    <s v=" "/>
    <s v="FINAN"/>
    <s v="G0000110"/>
    <s v="910"/>
    <s v="V"/>
    <s v="FANANDA"/>
    <s v="655"/>
    <s v=" "/>
    <s v="P"/>
    <s v="2024-11-01-09.03.13.493210"/>
    <n v="1"/>
    <s v="ONB"/>
    <s v="B10104P"/>
    <s v=" "/>
    <s v="REC"/>
    <s v="KYPCO KY 2024 LRE-KY110"/>
  </r>
  <r>
    <x v="0"/>
    <x v="11"/>
    <x v="0"/>
    <n v="11"/>
    <n v="2024"/>
    <x v="1"/>
    <s v="Real Prop Tax-Cap Leases"/>
    <s v="NORMAL MONTHLY ACCRUALS"/>
    <s v="KY"/>
    <s v="12139"/>
    <n v="1134"/>
    <s v=" "/>
    <s v=" "/>
    <s v="FINAN"/>
    <s v="G0000110"/>
    <s v="910"/>
    <s v="V"/>
    <s v="FANANDA"/>
    <s v="655"/>
    <s v=" "/>
    <s v="P"/>
    <s v="2024-11-28-08.14.32.312628"/>
    <n v="1"/>
    <s v="ONB"/>
    <s v="B10104P"/>
    <s v=" "/>
    <s v="REC"/>
    <s v="KYPCO KY 2024 LRE-KY110"/>
  </r>
  <r>
    <x v="0"/>
    <x v="12"/>
    <x v="1"/>
    <n v="12"/>
    <n v="2024"/>
    <x v="1"/>
    <s v="Real Prop Tax-Cap Leases"/>
    <s v="OUA based on settled values an"/>
    <s v="KY"/>
    <s v="12139"/>
    <n v="449.44"/>
    <s v=" "/>
    <s v=" "/>
    <s v="FINAN"/>
    <s v="G0000110"/>
    <s v="910"/>
    <s v="V"/>
    <s v="FANANDA"/>
    <s v="655"/>
    <s v=" "/>
    <s v="P"/>
    <s v="2025-01-03-20.05.31.154984"/>
    <n v="7"/>
    <s v="UPL"/>
    <s v="S337959"/>
    <s v=" "/>
    <s v="NONREC"/>
    <s v="Real Prop Tax-Cap Leases"/>
  </r>
  <r>
    <x v="0"/>
    <x v="13"/>
    <x v="0"/>
    <n v="12"/>
    <n v="2024"/>
    <x v="1"/>
    <s v="Real Prop Tax-Cap Leases"/>
    <s v="NORMAL MONTHLY ACCRUALS"/>
    <s v="KY"/>
    <s v="12139"/>
    <n v="1136"/>
    <s v=" "/>
    <s v=" "/>
    <s v="FINAN"/>
    <s v="G0000110"/>
    <s v="910"/>
    <s v="V"/>
    <s v="FANANDA"/>
    <s v="655"/>
    <s v=" "/>
    <s v="P"/>
    <s v="2024-12-20-13.06.11.303483"/>
    <n v="1"/>
    <s v="ONB"/>
    <s v="B10104P"/>
    <s v=" "/>
    <s v="REC"/>
    <s v="KYPCO KY 2024 LRE-KY110"/>
  </r>
  <r>
    <x v="0"/>
    <x v="14"/>
    <x v="0"/>
    <n v="8"/>
    <n v="2024"/>
    <x v="2"/>
    <s v="Real-Pers Prop Tax-Cap Leases"/>
    <s v="KYPCO 2022 LPP CLEAR ACCOUNTS"/>
    <s v="KY"/>
    <s v="12139"/>
    <n v="-187829.58"/>
    <s v=" "/>
    <s v=" "/>
    <s v="FINAN"/>
    <s v="G0000110"/>
    <s v="920"/>
    <s v="V"/>
    <s v="FANANDA"/>
    <s v="655"/>
    <s v=" "/>
    <s v="P"/>
    <s v="2024-09-03-09.22.30.173799"/>
    <n v="1"/>
    <s v="ONB"/>
    <s v="B10104P"/>
    <s v=" "/>
    <s v="NONREC"/>
    <s v="KYPCO KY 2022 LPP-KY110"/>
  </r>
  <r>
    <x v="1"/>
    <x v="14"/>
    <x v="0"/>
    <n v="8"/>
    <n v="2024"/>
    <x v="2"/>
    <s v="Real-Pers Prop Tax-Cap Leases"/>
    <s v="KYPCO 2022 LPP CLEAR ACCOUNTS"/>
    <s v="KY"/>
    <s v="12139"/>
    <n v="-5726.79"/>
    <s v=" "/>
    <s v=" "/>
    <s v="FINAN"/>
    <s v="G0000117"/>
    <s v="920"/>
    <s v="V"/>
    <s v="FANANDA"/>
    <s v="655"/>
    <s v=" "/>
    <s v="P"/>
    <s v="2024-09-03-09.22.32.801573"/>
    <n v="3"/>
    <s v="ONB"/>
    <s v="B10104P"/>
    <s v=" "/>
    <s v="NONREC"/>
    <s v="KYPCO KY 2022 LPP-KY117"/>
  </r>
  <r>
    <x v="2"/>
    <x v="14"/>
    <x v="0"/>
    <n v="8"/>
    <n v="2024"/>
    <x v="2"/>
    <s v="Real-Pers Prop Tax-Cap Leases"/>
    <s v="KYPCO 2022 LPP CLEAR ACCOUNTS"/>
    <s v="KY"/>
    <s v="12139"/>
    <n v="-178906.73"/>
    <s v=" "/>
    <s v=" "/>
    <s v="FINAN"/>
    <s v="G0000180"/>
    <s v="920"/>
    <s v="V"/>
    <s v="FANANDA"/>
    <s v="655"/>
    <s v=" "/>
    <s v="P"/>
    <s v="2024-09-03-09.22.34.689843"/>
    <n v="5"/>
    <s v="ONB"/>
    <s v="B10104P"/>
    <s v=" "/>
    <s v="NONREC"/>
    <s v="KYPCO KY 2022 LPP-KY180"/>
  </r>
  <r>
    <x v="0"/>
    <x v="15"/>
    <x v="2"/>
    <n v="1"/>
    <n v="2025"/>
    <x v="3"/>
    <s v="Real Personal Property Taxes"/>
    <s v="NORMAL MONTHLY AMORTIZATIONS"/>
    <s v="KY"/>
    <s v="12139"/>
    <n v="706444"/>
    <s v=" "/>
    <s v=" "/>
    <s v="FINAN"/>
    <s v="G0000110"/>
    <s v="999"/>
    <s v="V"/>
    <s v="FANANDA"/>
    <s v="655"/>
    <s v=" "/>
    <s v="P"/>
    <s v="2025-02-04-13.57.43.624834"/>
    <n v="3"/>
    <s v="ONB"/>
    <s v="B10104P"/>
    <s v=" "/>
    <s v="REC"/>
    <s v="KYPCO KY 2025 OWNED-KY110"/>
  </r>
  <r>
    <x v="1"/>
    <x v="15"/>
    <x v="2"/>
    <n v="1"/>
    <n v="2025"/>
    <x v="3"/>
    <s v="Real Personal Property Taxes"/>
    <s v="NORMAL MONTHLY AMORTIZATIONS"/>
    <s v="KY"/>
    <s v="12139"/>
    <n v="121347"/>
    <s v=" "/>
    <s v=" "/>
    <s v="FINAN"/>
    <s v="G0001096"/>
    <s v="999"/>
    <s v="V"/>
    <s v="FANANDA"/>
    <s v="655"/>
    <s v=" "/>
    <s v="P"/>
    <s v="2025-02-04-13.57.46.891437"/>
    <n v="8"/>
    <s v="ONB"/>
    <s v="B10104P"/>
    <s v=" "/>
    <s v="REC"/>
    <s v="KYPCO KY 2025 OWNED-KY117"/>
  </r>
  <r>
    <x v="2"/>
    <x v="15"/>
    <x v="2"/>
    <n v="1"/>
    <n v="2025"/>
    <x v="3"/>
    <s v="Real Personal Property Taxes"/>
    <s v="NORMAL MONTHLY AMORTIZATIONS"/>
    <s v="KY"/>
    <s v="12139"/>
    <n v="420909"/>
    <s v=" "/>
    <s v=" "/>
    <s v="FINAN"/>
    <s v="G0000180"/>
    <s v="999"/>
    <s v="V"/>
    <s v="FANANDA"/>
    <s v="655"/>
    <s v=" "/>
    <s v="P"/>
    <s v="2025-02-04-13.58.04.299799"/>
    <n v="49"/>
    <s v="ONB"/>
    <s v="B10104P"/>
    <s v=" "/>
    <s v="REC"/>
    <s v="KYPCO KY 2025 OWNED-KY180"/>
  </r>
  <r>
    <x v="0"/>
    <x v="16"/>
    <x v="2"/>
    <n v="2"/>
    <n v="2025"/>
    <x v="3"/>
    <s v="Real Personal Property Taxes"/>
    <s v="NORMAL MONTHLY AMORTIZATIONS"/>
    <s v="KY"/>
    <s v="12139"/>
    <n v="706444"/>
    <s v=" "/>
    <s v=" "/>
    <s v="FINAN"/>
    <s v="G0000110"/>
    <s v="999"/>
    <s v="V"/>
    <s v="FANANDA"/>
    <s v="655"/>
    <s v=" "/>
    <s v="P"/>
    <s v="2025-03-04-11.50.17.019652"/>
    <n v="3"/>
    <s v="ONB"/>
    <s v="B10104P"/>
    <s v=" "/>
    <s v="REC"/>
    <s v="KYPCO KY 2025 OWNED-KY110"/>
  </r>
  <r>
    <x v="1"/>
    <x v="16"/>
    <x v="2"/>
    <n v="2"/>
    <n v="2025"/>
    <x v="3"/>
    <s v="Real Personal Property Taxes"/>
    <s v="NORMAL MONTHLY AMORTIZATIONS"/>
    <s v="KY"/>
    <s v="12139"/>
    <n v="121347"/>
    <s v=" "/>
    <s v=" "/>
    <s v="FINAN"/>
    <s v="G0001096"/>
    <s v="999"/>
    <s v="V"/>
    <s v="FANANDA"/>
    <s v="655"/>
    <s v=" "/>
    <s v="P"/>
    <s v="2025-03-04-11.50.19.314781"/>
    <n v="7"/>
    <s v="ONB"/>
    <s v="B10104P"/>
    <s v=" "/>
    <s v="REC"/>
    <s v="KYPCO KY 2025 OWNED-KY117"/>
  </r>
  <r>
    <x v="2"/>
    <x v="16"/>
    <x v="2"/>
    <n v="2"/>
    <n v="2025"/>
    <x v="3"/>
    <s v="Real Personal Property Taxes"/>
    <s v="NORMAL MONTHLY AMORTIZATIONS"/>
    <s v="KY"/>
    <s v="12139"/>
    <n v="420909"/>
    <s v=" "/>
    <s v=" "/>
    <s v="FINAN"/>
    <s v="G0000180"/>
    <s v="999"/>
    <s v="V"/>
    <s v="FANANDA"/>
    <s v="655"/>
    <s v=" "/>
    <s v="P"/>
    <s v="2025-03-04-11.50.29.491186"/>
    <n v="47"/>
    <s v="ONB"/>
    <s v="B10104P"/>
    <s v=" "/>
    <s v="REC"/>
    <s v="KYPCO KY 2025 OWNED-KY180"/>
  </r>
  <r>
    <x v="0"/>
    <x v="17"/>
    <x v="2"/>
    <n v="3"/>
    <n v="2025"/>
    <x v="3"/>
    <s v="Real Personal Property Taxes"/>
    <s v="NORMAL MONTHLY AMORTIZATIONS"/>
    <s v="KY"/>
    <s v="12139"/>
    <n v="706444"/>
    <s v=" "/>
    <s v=" "/>
    <s v="FINAN"/>
    <s v="G0000110"/>
    <s v="999"/>
    <s v="V"/>
    <s v="FANANDA"/>
    <s v="655"/>
    <s v=" "/>
    <s v="P"/>
    <s v="2025-04-01-09.10.11.006178"/>
    <n v="3"/>
    <s v="ONB"/>
    <s v="B10104P"/>
    <s v=" "/>
    <s v="REC"/>
    <s v="KYPCO KY 2025 OWNED-KY110"/>
  </r>
  <r>
    <x v="1"/>
    <x v="17"/>
    <x v="2"/>
    <n v="3"/>
    <n v="2025"/>
    <x v="3"/>
    <s v="Real Personal Property Taxes"/>
    <s v="NORMAL MONTHLY AMORTIZATIONS"/>
    <s v="KY"/>
    <s v="12139"/>
    <n v="121347"/>
    <s v=" "/>
    <s v=" "/>
    <s v="FINAN"/>
    <s v="G0001096"/>
    <s v="999"/>
    <s v="V"/>
    <s v="FANANDA"/>
    <s v="655"/>
    <s v=" "/>
    <s v="P"/>
    <s v="2025-04-01-09.10.14.472239"/>
    <n v="7"/>
    <s v="ONB"/>
    <s v="B10104P"/>
    <s v=" "/>
    <s v="REC"/>
    <s v="KYPCO KY 2025 OWNED-KY117"/>
  </r>
  <r>
    <x v="2"/>
    <x v="17"/>
    <x v="2"/>
    <n v="3"/>
    <n v="2025"/>
    <x v="3"/>
    <s v="Real Personal Property Taxes"/>
    <s v="NORMAL MONTHLY AMORTIZATIONS"/>
    <s v="KY"/>
    <s v="12139"/>
    <n v="420909"/>
    <s v=" "/>
    <s v=" "/>
    <s v="FINAN"/>
    <s v="G0000180"/>
    <s v="999"/>
    <s v="V"/>
    <s v="FANANDA"/>
    <s v="655"/>
    <s v=" "/>
    <s v="P"/>
    <s v="2025-04-01-09.10.31.021102"/>
    <n v="47"/>
    <s v="ONB"/>
    <s v="B10104P"/>
    <s v=" "/>
    <s v="REC"/>
    <s v="KYPCO KY 2025 OWNED-KY180"/>
  </r>
  <r>
    <x v="0"/>
    <x v="18"/>
    <x v="2"/>
    <n v="4"/>
    <n v="2025"/>
    <x v="3"/>
    <s v="Real Personal Property Taxes"/>
    <s v="NORMAL MONTHLY AMORTIZATIONS"/>
    <s v="KY"/>
    <s v="12139"/>
    <n v="706444"/>
    <s v=" "/>
    <s v=" "/>
    <s v="FINAN"/>
    <s v="G0000110"/>
    <s v="999"/>
    <s v="V"/>
    <s v="FANANDA"/>
    <s v="655"/>
    <s v=" "/>
    <s v="P"/>
    <s v="2025-04-29-08.56.05.556739"/>
    <n v="3"/>
    <s v="ONB"/>
    <s v="B10104P"/>
    <s v=" "/>
    <s v="REC"/>
    <s v="KYPCO KY 2025 OWNED-KY110"/>
  </r>
  <r>
    <x v="1"/>
    <x v="18"/>
    <x v="2"/>
    <n v="4"/>
    <n v="2025"/>
    <x v="3"/>
    <s v="Real Personal Property Taxes"/>
    <s v="NORMAL MONTHLY AMORTIZATIONS"/>
    <s v="KY"/>
    <s v="12139"/>
    <n v="121347"/>
    <s v=" "/>
    <s v=" "/>
    <s v="FINAN"/>
    <s v="G0001096"/>
    <s v="999"/>
    <s v="V"/>
    <s v="FANANDA"/>
    <s v="655"/>
    <s v=" "/>
    <s v="P"/>
    <s v="2025-04-29-08.56.10.471560"/>
    <n v="7"/>
    <s v="ONB"/>
    <s v="B10104P"/>
    <s v=" "/>
    <s v="REC"/>
    <s v="KYPCO KY 2025 OWNED-KY117"/>
  </r>
  <r>
    <x v="2"/>
    <x v="18"/>
    <x v="2"/>
    <n v="4"/>
    <n v="2025"/>
    <x v="3"/>
    <s v="Real Personal Property Taxes"/>
    <s v="NORMAL MONTHLY AMORTIZATIONS"/>
    <s v="KY"/>
    <s v="12139"/>
    <n v="420909"/>
    <s v=" "/>
    <s v=" "/>
    <s v="FINAN"/>
    <s v="G0000180"/>
    <s v="999"/>
    <s v="V"/>
    <s v="FANANDA"/>
    <s v="655"/>
    <s v=" "/>
    <s v="P"/>
    <s v="2025-04-29-08.56.34.226548"/>
    <n v="47"/>
    <s v="ONB"/>
    <s v="B10104P"/>
    <s v=" "/>
    <s v="REC"/>
    <s v="KYPCO KY 2025 OWNED-KY180"/>
  </r>
  <r>
    <x v="0"/>
    <x v="19"/>
    <x v="2"/>
    <n v="5"/>
    <n v="2025"/>
    <x v="3"/>
    <s v="Real Personal Property Taxes"/>
    <s v="NORMAL MONTHLY AMORTIZATIONS"/>
    <s v="KY"/>
    <s v="12139"/>
    <n v="706444"/>
    <s v=" "/>
    <s v=" "/>
    <s v="FINAN"/>
    <s v="G0000110"/>
    <s v="999"/>
    <s v="V"/>
    <s v="FANANDA"/>
    <s v="655"/>
    <s v=" "/>
    <s v="P"/>
    <s v="2025-06-02-15.35.50.660140"/>
    <n v="3"/>
    <s v="ONB"/>
    <s v="B10104P"/>
    <s v=" "/>
    <s v="REC"/>
    <s v="KYPCO KY 2025 OWNED-KY110"/>
  </r>
  <r>
    <x v="1"/>
    <x v="19"/>
    <x v="2"/>
    <n v="5"/>
    <n v="2025"/>
    <x v="3"/>
    <s v="Real Personal Property Taxes"/>
    <s v="NORMAL MONTHLY AMORTIZATIONS"/>
    <s v="KY"/>
    <s v="12139"/>
    <n v="121347"/>
    <s v=" "/>
    <s v=" "/>
    <s v="FINAN"/>
    <s v="G0001096"/>
    <s v="999"/>
    <s v="V"/>
    <s v="FANANDA"/>
    <s v="655"/>
    <s v=" "/>
    <s v="P"/>
    <s v="2025-06-02-15.35.53.989158"/>
    <n v="7"/>
    <s v="ONB"/>
    <s v="B10104P"/>
    <s v=" "/>
    <s v="REC"/>
    <s v="KYPCO KY 2025 OWNED-KY117"/>
  </r>
  <r>
    <x v="2"/>
    <x v="19"/>
    <x v="2"/>
    <n v="5"/>
    <n v="2025"/>
    <x v="3"/>
    <s v="Real Personal Property Taxes"/>
    <s v="NORMAL MONTHLY AMORTIZATIONS"/>
    <s v="KY"/>
    <s v="12139"/>
    <n v="420909"/>
    <s v=" "/>
    <s v=" "/>
    <s v="FINAN"/>
    <s v="G0000180"/>
    <s v="999"/>
    <s v="V"/>
    <s v="FANANDA"/>
    <s v="655"/>
    <s v=" "/>
    <s v="P"/>
    <s v="2025-06-02-15.36.10.104313"/>
    <n v="47"/>
    <s v="ONB"/>
    <s v="B10104P"/>
    <s v=" "/>
    <s v="REC"/>
    <s v="KYPCO KY 2025 OWNED-KY180"/>
  </r>
  <r>
    <x v="0"/>
    <x v="20"/>
    <x v="2"/>
    <n v="6"/>
    <n v="2025"/>
    <x v="3"/>
    <s v="Real Personal Property Taxes"/>
    <s v="NORMAL MONTHLY AMORTIZATIONS"/>
    <s v="KY"/>
    <s v="12139"/>
    <n v="706444"/>
    <s v=" "/>
    <s v=" "/>
    <s v="FINAN"/>
    <s v="G0000110"/>
    <s v="999"/>
    <s v="V"/>
    <s v="FANANDA"/>
    <s v="655"/>
    <s v=" "/>
    <s v="P"/>
    <s v="2025-07-03-12.39.22.031245"/>
    <n v="3"/>
    <s v="ONB"/>
    <s v="S375960"/>
    <s v=" "/>
    <s v="REC"/>
    <s v="KYPCO KY 2025 OWNED-KY110"/>
  </r>
  <r>
    <x v="1"/>
    <x v="20"/>
    <x v="2"/>
    <n v="6"/>
    <n v="2025"/>
    <x v="3"/>
    <s v="Real Personal Property Taxes"/>
    <s v="NORMAL MONTHLY AMORTIZATIONS"/>
    <s v="KY"/>
    <s v="12139"/>
    <n v="121347"/>
    <s v=" "/>
    <s v=" "/>
    <s v="FINAN"/>
    <s v="G0001096"/>
    <s v="999"/>
    <s v="V"/>
    <s v="FANANDA"/>
    <s v="655"/>
    <s v=" "/>
    <s v="P"/>
    <s v="2025-07-03-12.39.27.245121"/>
    <n v="7"/>
    <s v="ONB"/>
    <s v="S375960"/>
    <s v=" "/>
    <s v="REC"/>
    <s v="KYPCO KY 2025 OWNED-KY117"/>
  </r>
  <r>
    <x v="2"/>
    <x v="20"/>
    <x v="2"/>
    <n v="6"/>
    <n v="2025"/>
    <x v="3"/>
    <s v="Real Personal Property Taxes"/>
    <s v="NORMAL MONTHLY AMORTIZATIONS"/>
    <s v="KY"/>
    <s v="12139"/>
    <n v="420909"/>
    <s v=" "/>
    <s v=" "/>
    <s v="FINAN"/>
    <s v="G0000180"/>
    <s v="999"/>
    <s v="V"/>
    <s v="FANANDA"/>
    <s v="655"/>
    <s v=" "/>
    <s v="P"/>
    <s v="2025-07-03-12.39.53.475412"/>
    <n v="47"/>
    <s v="ONB"/>
    <s v="S375960"/>
    <s v=" "/>
    <s v="REC"/>
    <s v="KYPCO KY 2025 OWNED-KY180"/>
  </r>
  <r>
    <x v="0"/>
    <x v="1"/>
    <x v="2"/>
    <n v="1"/>
    <n v="2024"/>
    <x v="4"/>
    <s v="Real-Pers Prop Tax-Cap Leases"/>
    <s v="NORMAL MONTHLY AMORTIZATIONS"/>
    <s v="KY"/>
    <s v="12139"/>
    <n v="48269"/>
    <s v=" "/>
    <s v=" "/>
    <s v="FINAN"/>
    <s v="G0000110"/>
    <s v="920"/>
    <s v="V"/>
    <s v="FANANDA"/>
    <s v="655"/>
    <s v=" "/>
    <s v="P"/>
    <s v="2024-02-05-15.47.42.510307"/>
    <n v="1"/>
    <s v="ONB"/>
    <s v="B10104P"/>
    <s v=" "/>
    <s v="REC"/>
    <s v="KYPCO KY 2024 LPP-KY110"/>
  </r>
  <r>
    <x v="1"/>
    <x v="1"/>
    <x v="2"/>
    <n v="1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02-05-15.47.45.202283"/>
    <n v="6"/>
    <s v="ONB"/>
    <s v="B10104P"/>
    <s v=" "/>
    <s v="REC"/>
    <s v="KYPCO KY 2024 LPP-KY117"/>
  </r>
  <r>
    <x v="2"/>
    <x v="1"/>
    <x v="2"/>
    <n v="1"/>
    <n v="2024"/>
    <x v="4"/>
    <s v="Real-Pers Prop Tax-Cap Leases"/>
    <s v="NORMAL MONTHLY AMORTIZATIONS"/>
    <s v="KY"/>
    <s v="12139"/>
    <n v="1202"/>
    <s v=" "/>
    <s v=" "/>
    <s v="FINAN"/>
    <s v="G0000180"/>
    <s v="920"/>
    <s v="V"/>
    <s v="FANANDA"/>
    <s v="655"/>
    <s v=" "/>
    <s v="P"/>
    <s v="2024-02-05-15.47.57.303261"/>
    <n v="47"/>
    <s v="ONB"/>
    <s v="B10104P"/>
    <s v=" "/>
    <s v="REC"/>
    <s v="KYPCO KY 2024 LPP-KY180"/>
  </r>
  <r>
    <x v="0"/>
    <x v="2"/>
    <x v="2"/>
    <n v="2"/>
    <n v="2024"/>
    <x v="4"/>
    <s v="Real-Pers Prop Tax-Cap Leases"/>
    <s v="NORMAL MONTHLY AMORTIZATIONS"/>
    <s v="KY"/>
    <s v="12139"/>
    <n v="48269"/>
    <s v=" "/>
    <s v=" "/>
    <s v="FINAN"/>
    <s v="G0000110"/>
    <s v="920"/>
    <s v="V"/>
    <s v="FANANDA"/>
    <s v="655"/>
    <s v=" "/>
    <s v="P"/>
    <s v="2024-03-01-11.59.15.859560"/>
    <n v="1"/>
    <s v="ONB"/>
    <s v="B10104P"/>
    <s v=" "/>
    <s v="REC"/>
    <s v="KYPCO KY 2024 LPP-KY110"/>
  </r>
  <r>
    <x v="1"/>
    <x v="2"/>
    <x v="2"/>
    <n v="2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03-01-11.59.17.807341"/>
    <n v="5"/>
    <s v="ONB"/>
    <s v="B10104P"/>
    <s v=" "/>
    <s v="REC"/>
    <s v="KYPCO KY 2024 LPP-KY117"/>
  </r>
  <r>
    <x v="2"/>
    <x v="2"/>
    <x v="2"/>
    <n v="2"/>
    <n v="2024"/>
    <x v="4"/>
    <s v="Real-Pers Prop Tax-Cap Leases"/>
    <s v="NORMAL MONTHLY AMORTIZATIONS"/>
    <s v="KY"/>
    <s v="12139"/>
    <n v="1202"/>
    <s v=" "/>
    <s v=" "/>
    <s v="FINAN"/>
    <s v="G0000180"/>
    <s v="920"/>
    <s v="V"/>
    <s v="FANANDA"/>
    <s v="655"/>
    <s v=" "/>
    <s v="P"/>
    <s v="2024-03-01-11.59.29.068720"/>
    <n v="45"/>
    <s v="ONB"/>
    <s v="B10104P"/>
    <s v=" "/>
    <s v="REC"/>
    <s v="KYPCO KY 2024 LPP-KY180"/>
  </r>
  <r>
    <x v="0"/>
    <x v="3"/>
    <x v="2"/>
    <n v="3"/>
    <n v="2024"/>
    <x v="4"/>
    <s v="Real-Pers Prop Tax-Cap Leases"/>
    <s v="NORMAL MONTHLY AMORTIZATIONS"/>
    <s v="KY"/>
    <s v="12139"/>
    <n v="48269"/>
    <s v=" "/>
    <s v=" "/>
    <s v="FINAN"/>
    <s v="G0000110"/>
    <s v="920"/>
    <s v="V"/>
    <s v="FANANDA"/>
    <s v="655"/>
    <s v=" "/>
    <s v="P"/>
    <s v="2024-04-01-13.51.03.334099"/>
    <n v="1"/>
    <s v="UPL"/>
    <s v="S375960"/>
    <s v=" "/>
    <s v="REC"/>
    <s v="KYPCO KY 2024 LPP-KY110"/>
  </r>
  <r>
    <x v="1"/>
    <x v="3"/>
    <x v="2"/>
    <n v="3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04-01-13.51.05.885964"/>
    <n v="5"/>
    <s v="UPL"/>
    <s v="S375960"/>
    <s v=" "/>
    <s v="REC"/>
    <s v="KYPCO KY 2024 LPP-KY117"/>
  </r>
  <r>
    <x v="2"/>
    <x v="3"/>
    <x v="2"/>
    <n v="3"/>
    <n v="2024"/>
    <x v="4"/>
    <s v="Real-Pers Prop Tax-Cap Leases"/>
    <s v="NORMAL MONTHLY AMORTIZATIONS"/>
    <s v="KY"/>
    <s v="12139"/>
    <n v="1202"/>
    <s v=" "/>
    <s v=" "/>
    <s v="FINAN"/>
    <s v="G0000180"/>
    <s v="920"/>
    <s v="V"/>
    <s v="FANANDA"/>
    <s v="655"/>
    <s v=" "/>
    <s v="P"/>
    <s v="2024-04-01-13.51.18.192679"/>
    <n v="45"/>
    <s v="UPL"/>
    <s v="S375960"/>
    <s v=" "/>
    <s v="REC"/>
    <s v="KYPCO KY 2024 LPP-KY180"/>
  </r>
  <r>
    <x v="0"/>
    <x v="4"/>
    <x v="2"/>
    <n v="4"/>
    <n v="2024"/>
    <x v="4"/>
    <s v="Real-Pers Prop Tax-Cap Leases"/>
    <s v="NORMAL MONTHLY AMORTIZATIONS"/>
    <s v="KY"/>
    <s v="12139"/>
    <n v="48269"/>
    <s v=" "/>
    <s v=" "/>
    <s v="FINAN"/>
    <s v="G0000110"/>
    <s v="920"/>
    <s v="V"/>
    <s v="FANANDA"/>
    <s v="655"/>
    <s v=" "/>
    <s v="P"/>
    <s v="2024-04-30-06.53.13.603509"/>
    <n v="1"/>
    <s v="UPL"/>
    <s v="S375960"/>
    <s v=" "/>
    <s v="REC"/>
    <s v="KYPCO KY 2024 LPP-KY110"/>
  </r>
  <r>
    <x v="1"/>
    <x v="4"/>
    <x v="2"/>
    <n v="4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04-30-06.53.16.434780"/>
    <n v="5"/>
    <s v="UPL"/>
    <s v="S375960"/>
    <s v=" "/>
    <s v="REC"/>
    <s v="KYPCO KY 2024 LPP-KY117"/>
  </r>
  <r>
    <x v="2"/>
    <x v="4"/>
    <x v="2"/>
    <n v="4"/>
    <n v="2024"/>
    <x v="4"/>
    <s v="Real-Pers Prop Tax-Cap Leases"/>
    <s v="NORMAL MONTHLY AMORTIZATIONS"/>
    <s v="KY"/>
    <s v="12139"/>
    <n v="1202"/>
    <s v=" "/>
    <s v=" "/>
    <s v="FINAN"/>
    <s v="G0000180"/>
    <s v="920"/>
    <s v="V"/>
    <s v="FANANDA"/>
    <s v="655"/>
    <s v=" "/>
    <s v="P"/>
    <s v="2024-04-30-06.53.29.560528"/>
    <n v="45"/>
    <s v="UPL"/>
    <s v="S375960"/>
    <s v=" "/>
    <s v="REC"/>
    <s v="KYPCO KY 2024 LPP-KY180"/>
  </r>
  <r>
    <x v="0"/>
    <x v="5"/>
    <x v="2"/>
    <n v="5"/>
    <n v="2024"/>
    <x v="4"/>
    <s v="Real-Pers Prop Tax-Cap Leases"/>
    <s v="NORMAL MONTHLY AMORTIZATIONS"/>
    <s v="KY"/>
    <s v="12139"/>
    <n v="48269"/>
    <s v=" "/>
    <s v=" "/>
    <s v="FINAN"/>
    <s v="G0000110"/>
    <s v="920"/>
    <s v="V"/>
    <s v="FANANDA"/>
    <s v="655"/>
    <s v=" "/>
    <s v="P"/>
    <s v="2024-06-03-15.17.28.804972"/>
    <n v="1"/>
    <s v="UPL"/>
    <s v="S357656"/>
    <s v=" "/>
    <s v="REC"/>
    <s v="KYPCO KY 2024 LPP-KY110"/>
  </r>
  <r>
    <x v="1"/>
    <x v="5"/>
    <x v="2"/>
    <n v="5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06-03-15.17.31.206475"/>
    <n v="5"/>
    <s v="UPL"/>
    <s v="S357656"/>
    <s v=" "/>
    <s v="REC"/>
    <s v="KYPCO KY 2024 LPP-KY117"/>
  </r>
  <r>
    <x v="2"/>
    <x v="5"/>
    <x v="2"/>
    <n v="5"/>
    <n v="2024"/>
    <x v="4"/>
    <s v="Real-Pers Prop Tax-Cap Leases"/>
    <s v="NORMAL MONTHLY AMORTIZATIONS"/>
    <s v="KY"/>
    <s v="12139"/>
    <n v="1202"/>
    <s v=" "/>
    <s v=" "/>
    <s v="FINAN"/>
    <s v="G0000180"/>
    <s v="920"/>
    <s v="V"/>
    <s v="FANANDA"/>
    <s v="655"/>
    <s v=" "/>
    <s v="P"/>
    <s v="2024-06-03-15.17.42.221853"/>
    <n v="45"/>
    <s v="UPL"/>
    <s v="S357656"/>
    <s v=" "/>
    <s v="REC"/>
    <s v="KYPCO KY 2024 LPP-KY180"/>
  </r>
  <r>
    <x v="0"/>
    <x v="6"/>
    <x v="2"/>
    <n v="6"/>
    <n v="2024"/>
    <x v="4"/>
    <s v="Real-Pers Prop Tax-Cap Leases"/>
    <s v="NORMAL MONTHLY AMORTIZATIONS"/>
    <s v="KY"/>
    <s v="12139"/>
    <n v="48269"/>
    <s v=" "/>
    <s v=" "/>
    <s v="FINAN"/>
    <s v="G0000110"/>
    <s v="920"/>
    <s v="V"/>
    <s v="FANANDA"/>
    <s v="655"/>
    <s v=" "/>
    <s v="P"/>
    <s v="2024-07-01-15.10.53.120153"/>
    <n v="1"/>
    <s v="ONB"/>
    <s v="B10104P"/>
    <s v=" "/>
    <s v="REC"/>
    <s v="KYPCO KY 2024 LPP-KY110"/>
  </r>
  <r>
    <x v="1"/>
    <x v="6"/>
    <x v="2"/>
    <n v="6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07-01-15.10.55.844439"/>
    <n v="5"/>
    <s v="ONB"/>
    <s v="B10104P"/>
    <s v=" "/>
    <s v="REC"/>
    <s v="KYPCO KY 2024 LPP-KY117"/>
  </r>
  <r>
    <x v="2"/>
    <x v="6"/>
    <x v="2"/>
    <n v="6"/>
    <n v="2024"/>
    <x v="4"/>
    <s v="Real-Pers Prop Tax-Cap Leases"/>
    <s v="NORMAL MONTHLY AMORTIZATIONS"/>
    <s v="KY"/>
    <s v="12139"/>
    <n v="1202"/>
    <s v=" "/>
    <s v=" "/>
    <s v="FINAN"/>
    <s v="G0000180"/>
    <s v="920"/>
    <s v="V"/>
    <s v="FANANDA"/>
    <s v="655"/>
    <s v=" "/>
    <s v="P"/>
    <s v="2024-07-01-15.11.09.295145"/>
    <n v="45"/>
    <s v="ONB"/>
    <s v="B10104P"/>
    <s v=" "/>
    <s v="REC"/>
    <s v="KYPCO KY 2024 LPP-KY180"/>
  </r>
  <r>
    <x v="0"/>
    <x v="7"/>
    <x v="2"/>
    <n v="7"/>
    <n v="2024"/>
    <x v="4"/>
    <s v="Real-Pers Prop Tax-Cap Leases"/>
    <s v="NORMAL MONTHLY AMORTIZATIONS"/>
    <s v="KY"/>
    <s v="12139"/>
    <n v="48269"/>
    <s v=" "/>
    <s v=" "/>
    <s v="FINAN"/>
    <s v="G0000110"/>
    <s v="920"/>
    <s v="V"/>
    <s v="FANANDA"/>
    <s v="655"/>
    <s v=" "/>
    <s v="P"/>
    <s v="2024-07-31-11.58.43.491745"/>
    <n v="1"/>
    <s v="ONB"/>
    <s v="B10104P"/>
    <s v=" "/>
    <s v="REC"/>
    <s v="KYPCO KY 2024 LPP-KY110"/>
  </r>
  <r>
    <x v="1"/>
    <x v="7"/>
    <x v="2"/>
    <n v="7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07-31-11.58.46.246661"/>
    <n v="5"/>
    <s v="ONB"/>
    <s v="B10104P"/>
    <s v=" "/>
    <s v="REC"/>
    <s v="KYPCO KY 2024 LPP-KY117"/>
  </r>
  <r>
    <x v="1"/>
    <x v="7"/>
    <x v="3"/>
    <n v="7"/>
    <n v="2024"/>
    <x v="4"/>
    <s v="Real-Pers Prop Tax-Cap Leases"/>
    <s v="Mitchell Joint Facility"/>
    <s v="WV"/>
    <s v="13403"/>
    <n v="3319"/>
    <s v=" "/>
    <s v=" "/>
    <s v="FINAN"/>
    <s v="G0000413"/>
    <s v="920"/>
    <s v="V"/>
    <s v="FANANDA"/>
    <s v="655"/>
    <s v=" "/>
    <s v="P"/>
    <s v="2024-08-05-12.11.25.207792"/>
    <n v="13"/>
    <s v="GLA"/>
    <s v="GLBATCH"/>
    <s v=" "/>
    <s v=" "/>
    <s v="Mitchell Joint Facility"/>
  </r>
  <r>
    <x v="2"/>
    <x v="7"/>
    <x v="2"/>
    <n v="7"/>
    <n v="2024"/>
    <x v="4"/>
    <s v="Real-Pers Prop Tax-Cap Leases"/>
    <s v="NORMAL MONTHLY AMORTIZATIONS"/>
    <s v="KY"/>
    <s v="12139"/>
    <n v="1202"/>
    <s v=" "/>
    <s v=" "/>
    <s v="FINAN"/>
    <s v="G0000180"/>
    <s v="920"/>
    <s v="V"/>
    <s v="FANANDA"/>
    <s v="655"/>
    <s v=" "/>
    <s v="P"/>
    <s v="2024-07-31-11.58.56.180384"/>
    <n v="45"/>
    <s v="ONB"/>
    <s v="B10104P"/>
    <s v=" "/>
    <s v="REC"/>
    <s v="KYPCO KY 2024 LPP-KY180"/>
  </r>
  <r>
    <x v="0"/>
    <x v="8"/>
    <x v="2"/>
    <n v="8"/>
    <n v="2024"/>
    <x v="4"/>
    <s v="Real-Pers Prop Tax-Cap Leases"/>
    <s v="NORMAL MONTHLY AMORTIZATIONS"/>
    <s v="KY"/>
    <s v="12139"/>
    <n v="48269"/>
    <s v=" "/>
    <s v=" "/>
    <s v="FINAN"/>
    <s v="G0000110"/>
    <s v="920"/>
    <s v="V"/>
    <s v="FANANDA"/>
    <s v="655"/>
    <s v=" "/>
    <s v="P"/>
    <s v="2024-09-03-13.41.31.522390"/>
    <n v="1"/>
    <s v="ONB"/>
    <s v="B10104P"/>
    <s v=" "/>
    <s v="REC"/>
    <s v="KYPCO KY 2024 LPP-KY110"/>
  </r>
  <r>
    <x v="1"/>
    <x v="8"/>
    <x v="2"/>
    <n v="8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09-03-13.41.34.891308"/>
    <n v="5"/>
    <s v="ONB"/>
    <s v="B10104P"/>
    <s v=" "/>
    <s v="REC"/>
    <s v="KYPCO KY 2024 LPP-KY117"/>
  </r>
  <r>
    <x v="2"/>
    <x v="8"/>
    <x v="2"/>
    <n v="8"/>
    <n v="2024"/>
    <x v="4"/>
    <s v="Real-Pers Prop Tax-Cap Leases"/>
    <s v="NORMAL MONTHLY AMORTIZATIONS"/>
    <s v="KY"/>
    <s v="12139"/>
    <n v="1202"/>
    <s v=" "/>
    <s v=" "/>
    <s v="FINAN"/>
    <s v="G0000180"/>
    <s v="920"/>
    <s v="V"/>
    <s v="FANANDA"/>
    <s v="655"/>
    <s v=" "/>
    <s v="P"/>
    <s v="2024-09-03-13.41.54.132138"/>
    <n v="45"/>
    <s v="ONB"/>
    <s v="B10104P"/>
    <s v=" "/>
    <s v="REC"/>
    <s v="KYPCO KY 2024 LPP-KY180"/>
  </r>
  <r>
    <x v="0"/>
    <x v="9"/>
    <x v="2"/>
    <n v="9"/>
    <n v="2024"/>
    <x v="4"/>
    <s v="Real-Pers Prop Tax-Cap Leases"/>
    <s v="NORMAL MONTHLY AMORTIZATIONS"/>
    <s v="KY"/>
    <s v="12139"/>
    <n v="48269"/>
    <s v=" "/>
    <s v=" "/>
    <s v="FINAN"/>
    <s v="G0000110"/>
    <s v="920"/>
    <s v="V"/>
    <s v="FANANDA"/>
    <s v="655"/>
    <s v=" "/>
    <s v="P"/>
    <s v="2024-09-30-15.34.07.239425"/>
    <n v="1"/>
    <s v="ONB"/>
    <s v="B10104P"/>
    <s v=" "/>
    <s v="REC"/>
    <s v="KYPCO KY 2024 LPP-KY110"/>
  </r>
  <r>
    <x v="1"/>
    <x v="9"/>
    <x v="2"/>
    <n v="9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09-30-15.34.11.195720"/>
    <n v="5"/>
    <s v="ONB"/>
    <s v="B10104P"/>
    <s v=" "/>
    <s v="REC"/>
    <s v="KYPCO KY 2024 LPP-KY117"/>
  </r>
  <r>
    <x v="2"/>
    <x v="9"/>
    <x v="2"/>
    <n v="9"/>
    <n v="2024"/>
    <x v="4"/>
    <s v="Real-Pers Prop Tax-Cap Leases"/>
    <s v="NORMAL MONTHLY AMORTIZATIONS"/>
    <s v="KY"/>
    <s v="12139"/>
    <n v="1202"/>
    <s v=" "/>
    <s v=" "/>
    <s v="FINAN"/>
    <s v="G0000180"/>
    <s v="920"/>
    <s v="V"/>
    <s v="FANANDA"/>
    <s v="655"/>
    <s v=" "/>
    <s v="P"/>
    <s v="2024-09-30-15.34.30.402456"/>
    <n v="45"/>
    <s v="ONB"/>
    <s v="B10104P"/>
    <s v=" "/>
    <s v="REC"/>
    <s v="KYPCO KY 2024 LPP-KY180"/>
  </r>
  <r>
    <x v="0"/>
    <x v="10"/>
    <x v="2"/>
    <n v="10"/>
    <n v="2024"/>
    <x v="4"/>
    <s v="Real-Pers Prop Tax-Cap Leases"/>
    <s v="NORMAL MONTHLY AMORTIZATIONS"/>
    <s v="KY"/>
    <s v="12139"/>
    <n v="48269"/>
    <s v=" "/>
    <s v=" "/>
    <s v="FINAN"/>
    <s v="G0000110"/>
    <s v="920"/>
    <s v="V"/>
    <s v="FANANDA"/>
    <s v="655"/>
    <s v=" "/>
    <s v="P"/>
    <s v="2024-11-01-12.33.15.515970"/>
    <n v="1"/>
    <s v="ONB"/>
    <s v="B10104P"/>
    <s v=" "/>
    <s v="REC"/>
    <s v="KYPCO KY 2024 LPP-KY110"/>
  </r>
  <r>
    <x v="1"/>
    <x v="10"/>
    <x v="2"/>
    <n v="10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11-01-12.33.18.916611"/>
    <n v="5"/>
    <s v="ONB"/>
    <s v="B10104P"/>
    <s v=" "/>
    <s v="REC"/>
    <s v="KYPCO KY 2024 LPP-KY117"/>
  </r>
  <r>
    <x v="2"/>
    <x v="10"/>
    <x v="2"/>
    <n v="10"/>
    <n v="2024"/>
    <x v="4"/>
    <s v="Real-Pers Prop Tax-Cap Leases"/>
    <s v="NORMAL MONTHLY AMORTIZATIONS"/>
    <s v="KY"/>
    <s v="12139"/>
    <n v="1202"/>
    <s v=" "/>
    <s v=" "/>
    <s v="FINAN"/>
    <s v="G0000180"/>
    <s v="920"/>
    <s v="V"/>
    <s v="FANANDA"/>
    <s v="655"/>
    <s v=" "/>
    <s v="P"/>
    <s v="2024-11-01-12.33.36.509667"/>
    <n v="45"/>
    <s v="ONB"/>
    <s v="B10104P"/>
    <s v=" "/>
    <s v="REC"/>
    <s v="KYPCO KY 2024 LPP-KY180"/>
  </r>
  <r>
    <x v="0"/>
    <x v="11"/>
    <x v="2"/>
    <n v="11"/>
    <n v="2024"/>
    <x v="4"/>
    <s v="Real-Pers Prop Tax-Cap Leases"/>
    <s v="NORMAL MONTHLY AMORTIZATIONS"/>
    <s v="KY"/>
    <s v="12139"/>
    <n v="48269"/>
    <s v=" "/>
    <s v=" "/>
    <s v="FINAN"/>
    <s v="G0000110"/>
    <s v="920"/>
    <s v="V"/>
    <s v="FANANDA"/>
    <s v="655"/>
    <s v=" "/>
    <s v="P"/>
    <s v="2024-11-28-08.17.07.416032"/>
    <n v="1"/>
    <s v="ONB"/>
    <s v="B10104P"/>
    <s v=" "/>
    <s v="REC"/>
    <s v="KYPCO KY 2024 LPP-KY110"/>
  </r>
  <r>
    <x v="1"/>
    <x v="11"/>
    <x v="2"/>
    <n v="11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11-28-08.17.10.606672"/>
    <n v="5"/>
    <s v="ONB"/>
    <s v="B10104P"/>
    <s v=" "/>
    <s v="REC"/>
    <s v="KYPCO KY 2024 LPP-KY117"/>
  </r>
  <r>
    <x v="2"/>
    <x v="11"/>
    <x v="2"/>
    <n v="11"/>
    <n v="2024"/>
    <x v="4"/>
    <s v="Real-Pers Prop Tax-Cap Leases"/>
    <s v="NORMAL MONTHLY AMORTIZATIONS"/>
    <s v="KY"/>
    <s v="12139"/>
    <n v="1202"/>
    <s v=" "/>
    <s v=" "/>
    <s v="FINAN"/>
    <s v="G0000180"/>
    <s v="920"/>
    <s v="V"/>
    <s v="FANANDA"/>
    <s v="655"/>
    <s v=" "/>
    <s v="P"/>
    <s v="2024-11-28-08.17.22.373733"/>
    <n v="45"/>
    <s v="ONB"/>
    <s v="B10104P"/>
    <s v=" "/>
    <s v="REC"/>
    <s v="KYPCO KY 2024 LPP-KY180"/>
  </r>
  <r>
    <x v="0"/>
    <x v="13"/>
    <x v="2"/>
    <n v="12"/>
    <n v="2024"/>
    <x v="4"/>
    <s v="Real-Pers Prop Tax-Cap Leases"/>
    <s v="NORMAL MONTHLY AMORTIZATIONS"/>
    <s v="KY"/>
    <s v="12139"/>
    <n v="48271"/>
    <s v=" "/>
    <s v=" "/>
    <s v="FINAN"/>
    <s v="G0000110"/>
    <s v="920"/>
    <s v="V"/>
    <s v="FANANDA"/>
    <s v="655"/>
    <s v=" "/>
    <s v="P"/>
    <s v="2024-12-20-13.08.43.955432"/>
    <n v="1"/>
    <s v="ONB"/>
    <s v="B10104P"/>
    <s v=" "/>
    <s v="REC"/>
    <s v="KYPCO KY 2024 LPP-KY110"/>
  </r>
  <r>
    <x v="0"/>
    <x v="21"/>
    <x v="2"/>
    <n v="12"/>
    <n v="2024"/>
    <x v="4"/>
    <s v="Real-Pers Prop Tax-Cap Leases"/>
    <s v="ADJUST TY2024 AMT BASED ON SET"/>
    <s v="KY"/>
    <s v="12139"/>
    <n v="-169737"/>
    <s v=" "/>
    <s v=" "/>
    <s v="FINAN"/>
    <s v="G0000110"/>
    <s v="920"/>
    <s v="V"/>
    <s v="FANANDA"/>
    <s v="655"/>
    <s v=" "/>
    <s v="P"/>
    <s v="2025-01-02-11.10.05.871346"/>
    <n v="7"/>
    <s v="ONB"/>
    <s v="B10104P"/>
    <s v=" "/>
    <s v="NONREC"/>
    <s v="KYPCO KY 2024 LPP-KY110"/>
  </r>
  <r>
    <x v="1"/>
    <x v="21"/>
    <x v="2"/>
    <n v="12"/>
    <n v="2024"/>
    <x v="4"/>
    <s v="Real-Pers Prop Tax-Cap Leases"/>
    <s v="ADJUST TY2024 AMT BASED ON SET"/>
    <s v="KY"/>
    <s v="12139"/>
    <n v="-5732"/>
    <s v=" "/>
    <s v=" "/>
    <s v="FINAN"/>
    <s v="G0000117"/>
    <s v="920"/>
    <s v="V"/>
    <s v="FANANDA"/>
    <s v="655"/>
    <s v=" "/>
    <s v="P"/>
    <s v="2025-01-02-11.10.09.254439"/>
    <n v="9"/>
    <s v="ONB"/>
    <s v="B10104P"/>
    <s v=" "/>
    <s v="NONREC"/>
    <s v="KYPCO KY 2024 LPP-KY117"/>
  </r>
  <r>
    <x v="1"/>
    <x v="13"/>
    <x v="2"/>
    <n v="12"/>
    <n v="2024"/>
    <x v="4"/>
    <s v="Real-Pers Prop Tax-Cap Leases"/>
    <s v="NORMAL MONTHLY AMORTIZATIONS"/>
    <s v="KY"/>
    <s v="12139"/>
    <n v="1630"/>
    <s v=" "/>
    <s v=" "/>
    <s v="FINAN"/>
    <s v="G0000117"/>
    <s v="920"/>
    <s v="V"/>
    <s v="FANANDA"/>
    <s v="655"/>
    <s v=" "/>
    <s v="P"/>
    <s v="2024-12-20-13.08.47.278741"/>
    <n v="5"/>
    <s v="ONB"/>
    <s v="B10104P"/>
    <s v=" "/>
    <s v="REC"/>
    <s v="KYPCO KY 2024 LPP-KY117"/>
  </r>
  <r>
    <x v="2"/>
    <x v="21"/>
    <x v="2"/>
    <n v="12"/>
    <n v="2024"/>
    <x v="4"/>
    <s v="Real-Pers Prop Tax-Cap Leases"/>
    <s v="ADJUST TY2024 AMT BASED ON SET"/>
    <s v="KY"/>
    <s v="12139"/>
    <n v="-4223"/>
    <s v=" "/>
    <s v=" "/>
    <s v="FINAN"/>
    <s v="G0000180"/>
    <s v="920"/>
    <s v="V"/>
    <s v="FANANDA"/>
    <s v="655"/>
    <s v=" "/>
    <s v="P"/>
    <s v="2025-01-02-11.10.12.597387"/>
    <n v="11"/>
    <s v="ONB"/>
    <s v="B10104P"/>
    <s v=" "/>
    <s v="NONREC"/>
    <s v="KYPCO KY 2024 LPP-KY180"/>
  </r>
  <r>
    <x v="2"/>
    <x v="13"/>
    <x v="2"/>
    <n v="12"/>
    <n v="2024"/>
    <x v="4"/>
    <s v="Real-Pers Prop Tax-Cap Leases"/>
    <s v="NORMAL MONTHLY AMORTIZATIONS"/>
    <s v="KY"/>
    <s v="12139"/>
    <n v="1198"/>
    <s v=" "/>
    <s v=" "/>
    <s v="FINAN"/>
    <s v="G0000180"/>
    <s v="920"/>
    <s v="V"/>
    <s v="FANANDA"/>
    <s v="655"/>
    <s v=" "/>
    <s v="P"/>
    <s v="2024-12-20-13.09.03.869517"/>
    <n v="45"/>
    <s v="ONB"/>
    <s v="B10104P"/>
    <s v=" "/>
    <s v="REC"/>
    <s v="KYPCO KY 2024 LPP-KY180"/>
  </r>
  <r>
    <x v="0"/>
    <x v="15"/>
    <x v="2"/>
    <n v="1"/>
    <n v="2025"/>
    <x v="5"/>
    <s v="Real-Pers Prop Tax-Cap Leases"/>
    <s v="NORMAL MONTHLY AMORTIZATIONS"/>
    <s v="KY"/>
    <s v="12139"/>
    <n v="52134"/>
    <s v=" "/>
    <s v=" "/>
    <s v="FINAN"/>
    <s v="G0000110"/>
    <s v="920"/>
    <s v="V"/>
    <s v="FANANDA"/>
    <s v="655"/>
    <s v=" "/>
    <s v="P"/>
    <s v="2025-02-04-13.57.43.624834"/>
    <n v="1"/>
    <s v="ONB"/>
    <s v="B10104P"/>
    <s v=" "/>
    <s v="REC"/>
    <s v="KYPCO KY 2025 LPP-KY110"/>
  </r>
  <r>
    <x v="1"/>
    <x v="15"/>
    <x v="2"/>
    <n v="1"/>
    <n v="2025"/>
    <x v="5"/>
    <s v="Real-Pers Prop Tax-Cap Leases"/>
    <s v="NORMAL MONTHLY AMORTIZATIONS"/>
    <s v="KY"/>
    <s v="12139"/>
    <n v="1760"/>
    <s v=" "/>
    <s v=" "/>
    <s v="FINAN"/>
    <s v="G0000117"/>
    <s v="920"/>
    <s v="V"/>
    <s v="FANANDA"/>
    <s v="655"/>
    <s v=" "/>
    <s v="P"/>
    <s v="2025-02-04-13.57.46.891437"/>
    <n v="6"/>
    <s v="ONB"/>
    <s v="B10104P"/>
    <s v=" "/>
    <s v="REC"/>
    <s v="KYPCO KY 2025 LPP-KY117"/>
  </r>
  <r>
    <x v="2"/>
    <x v="15"/>
    <x v="2"/>
    <n v="1"/>
    <n v="2025"/>
    <x v="5"/>
    <s v="Real-Pers Prop Tax-Cap Leases"/>
    <s v="NORMAL MONTHLY AMORTIZATIONS"/>
    <s v="KY"/>
    <s v="12139"/>
    <n v="1298"/>
    <s v=" "/>
    <s v=" "/>
    <s v="FINAN"/>
    <s v="G0000180"/>
    <s v="920"/>
    <s v="V"/>
    <s v="FANANDA"/>
    <s v="655"/>
    <s v=" "/>
    <s v="P"/>
    <s v="2025-02-04-13.58.04.299799"/>
    <n v="47"/>
    <s v="ONB"/>
    <s v="B10104P"/>
    <s v=" "/>
    <s v="REC"/>
    <s v="KYPCO KY 2025 LPP-KY180"/>
  </r>
  <r>
    <x v="0"/>
    <x v="16"/>
    <x v="2"/>
    <n v="2"/>
    <n v="2025"/>
    <x v="5"/>
    <s v="Real-Pers Prop Tax-Cap Leases"/>
    <s v="NORMAL MONTHLY AMORTIZATIONS"/>
    <s v="KY"/>
    <s v="12139"/>
    <n v="52134"/>
    <s v=" "/>
    <s v=" "/>
    <s v="FINAN"/>
    <s v="G0000110"/>
    <s v="920"/>
    <s v="V"/>
    <s v="FANANDA"/>
    <s v="655"/>
    <s v=" "/>
    <s v="P"/>
    <s v="2025-03-04-11.50.17.019652"/>
    <n v="1"/>
    <s v="ONB"/>
    <s v="B10104P"/>
    <s v=" "/>
    <s v="REC"/>
    <s v="KYPCO KY 2025 LPP-KY110"/>
  </r>
  <r>
    <x v="1"/>
    <x v="16"/>
    <x v="2"/>
    <n v="2"/>
    <n v="2025"/>
    <x v="5"/>
    <s v="Real-Pers Prop Tax-Cap Leases"/>
    <s v="NORMAL MONTHLY AMORTIZATIONS"/>
    <s v="KY"/>
    <s v="12139"/>
    <n v="1760"/>
    <s v=" "/>
    <s v=" "/>
    <s v="FINAN"/>
    <s v="G0000117"/>
    <s v="920"/>
    <s v="V"/>
    <s v="FANANDA"/>
    <s v="655"/>
    <s v=" "/>
    <s v="P"/>
    <s v="2025-03-04-11.50.19.314781"/>
    <n v="5"/>
    <s v="ONB"/>
    <s v="B10104P"/>
    <s v=" "/>
    <s v="REC"/>
    <s v="KYPCO KY 2025 LPP-KY117"/>
  </r>
  <r>
    <x v="2"/>
    <x v="16"/>
    <x v="2"/>
    <n v="2"/>
    <n v="2025"/>
    <x v="5"/>
    <s v="Real-Pers Prop Tax-Cap Leases"/>
    <s v="NORMAL MONTHLY AMORTIZATIONS"/>
    <s v="KY"/>
    <s v="12139"/>
    <n v="1298"/>
    <s v=" "/>
    <s v=" "/>
    <s v="FINAN"/>
    <s v="G0000180"/>
    <s v="920"/>
    <s v="V"/>
    <s v="FANANDA"/>
    <s v="655"/>
    <s v=" "/>
    <s v="P"/>
    <s v="2025-03-04-11.50.29.491186"/>
    <n v="45"/>
    <s v="ONB"/>
    <s v="B10104P"/>
    <s v=" "/>
    <s v="REC"/>
    <s v="KYPCO KY 2025 LPP-KY180"/>
  </r>
  <r>
    <x v="0"/>
    <x v="17"/>
    <x v="2"/>
    <n v="3"/>
    <n v="2025"/>
    <x v="5"/>
    <s v="Real-Pers Prop Tax-Cap Leases"/>
    <s v="NORMAL MONTHLY AMORTIZATIONS"/>
    <s v="KY"/>
    <s v="12139"/>
    <n v="52134"/>
    <s v=" "/>
    <s v=" "/>
    <s v="FINAN"/>
    <s v="G0000110"/>
    <s v="920"/>
    <s v="V"/>
    <s v="FANANDA"/>
    <s v="655"/>
    <s v=" "/>
    <s v="P"/>
    <s v="2025-04-01-09.10.11.006178"/>
    <n v="1"/>
    <s v="ONB"/>
    <s v="B10104P"/>
    <s v=" "/>
    <s v="REC"/>
    <s v="KYPCO KY 2025 LPP-KY110"/>
  </r>
  <r>
    <x v="1"/>
    <x v="17"/>
    <x v="2"/>
    <n v="3"/>
    <n v="2025"/>
    <x v="5"/>
    <s v="Real-Pers Prop Tax-Cap Leases"/>
    <s v="NORMAL MONTHLY AMORTIZATIONS"/>
    <s v="KY"/>
    <s v="12139"/>
    <n v="1760"/>
    <s v=" "/>
    <s v=" "/>
    <s v="FINAN"/>
    <s v="G0000117"/>
    <s v="920"/>
    <s v="V"/>
    <s v="FANANDA"/>
    <s v="655"/>
    <s v=" "/>
    <s v="P"/>
    <s v="2025-04-01-09.10.14.472239"/>
    <n v="5"/>
    <s v="ONB"/>
    <s v="B10104P"/>
    <s v=" "/>
    <s v="REC"/>
    <s v="KYPCO KY 2025 LPP-KY117"/>
  </r>
  <r>
    <x v="2"/>
    <x v="17"/>
    <x v="2"/>
    <n v="3"/>
    <n v="2025"/>
    <x v="5"/>
    <s v="Real-Pers Prop Tax-Cap Leases"/>
    <s v="NORMAL MONTHLY AMORTIZATIONS"/>
    <s v="KY"/>
    <s v="12139"/>
    <n v="1298"/>
    <s v=" "/>
    <s v=" "/>
    <s v="FINAN"/>
    <s v="G0000180"/>
    <s v="920"/>
    <s v="V"/>
    <s v="FANANDA"/>
    <s v="655"/>
    <s v=" "/>
    <s v="P"/>
    <s v="2025-04-01-09.10.31.021102"/>
    <n v="45"/>
    <s v="ONB"/>
    <s v="B10104P"/>
    <s v=" "/>
    <s v="REC"/>
    <s v="KYPCO KY 2025 LPP-KY180"/>
  </r>
  <r>
    <x v="0"/>
    <x v="18"/>
    <x v="2"/>
    <n v="4"/>
    <n v="2025"/>
    <x v="5"/>
    <s v="Real-Pers Prop Tax-Cap Leases"/>
    <s v="NORMAL MONTHLY AMORTIZATIONS"/>
    <s v="KY"/>
    <s v="12139"/>
    <n v="52134"/>
    <s v=" "/>
    <s v=" "/>
    <s v="FINAN"/>
    <s v="G0000110"/>
    <s v="920"/>
    <s v="V"/>
    <s v="FANANDA"/>
    <s v="655"/>
    <s v=" "/>
    <s v="P"/>
    <s v="2025-04-29-08.56.05.556739"/>
    <n v="1"/>
    <s v="ONB"/>
    <s v="B10104P"/>
    <s v=" "/>
    <s v="REC"/>
    <s v="KYPCO KY 2025 LPP-KY110"/>
  </r>
  <r>
    <x v="1"/>
    <x v="18"/>
    <x v="2"/>
    <n v="4"/>
    <n v="2025"/>
    <x v="5"/>
    <s v="Real-Pers Prop Tax-Cap Leases"/>
    <s v="NORMAL MONTHLY AMORTIZATIONS"/>
    <s v="KY"/>
    <s v="12139"/>
    <n v="1760"/>
    <s v=" "/>
    <s v=" "/>
    <s v="FINAN"/>
    <s v="G0000117"/>
    <s v="920"/>
    <s v="V"/>
    <s v="FANANDA"/>
    <s v="655"/>
    <s v=" "/>
    <s v="P"/>
    <s v="2025-04-29-08.56.10.471560"/>
    <n v="5"/>
    <s v="ONB"/>
    <s v="B10104P"/>
    <s v=" "/>
    <s v="REC"/>
    <s v="KYPCO KY 2025 LPP-KY117"/>
  </r>
  <r>
    <x v="2"/>
    <x v="18"/>
    <x v="2"/>
    <n v="4"/>
    <n v="2025"/>
    <x v="5"/>
    <s v="Real-Pers Prop Tax-Cap Leases"/>
    <s v="NORMAL MONTHLY AMORTIZATIONS"/>
    <s v="KY"/>
    <s v="12139"/>
    <n v="1298"/>
    <s v=" "/>
    <s v=" "/>
    <s v="FINAN"/>
    <s v="G0000180"/>
    <s v="920"/>
    <s v="V"/>
    <s v="FANANDA"/>
    <s v="655"/>
    <s v=" "/>
    <s v="P"/>
    <s v="2025-04-29-08.56.34.226548"/>
    <n v="45"/>
    <s v="ONB"/>
    <s v="B10104P"/>
    <s v=" "/>
    <s v="REC"/>
    <s v="KYPCO KY 2025 LPP-KY180"/>
  </r>
  <r>
    <x v="0"/>
    <x v="19"/>
    <x v="2"/>
    <n v="5"/>
    <n v="2025"/>
    <x v="5"/>
    <s v="Real-Pers Prop Tax-Cap Leases"/>
    <s v="NORMAL MONTHLY AMORTIZATIONS"/>
    <s v="KY"/>
    <s v="12139"/>
    <n v="52134"/>
    <s v=" "/>
    <s v=" "/>
    <s v="FINAN"/>
    <s v="G0000110"/>
    <s v="920"/>
    <s v="V"/>
    <s v="FANANDA"/>
    <s v="655"/>
    <s v=" "/>
    <s v="P"/>
    <s v="2025-06-02-15.35.50.660140"/>
    <n v="1"/>
    <s v="ONB"/>
    <s v="B10104P"/>
    <s v=" "/>
    <s v="REC"/>
    <s v="KYPCO KY 2025 LPP-KY110"/>
  </r>
  <r>
    <x v="1"/>
    <x v="19"/>
    <x v="2"/>
    <n v="5"/>
    <n v="2025"/>
    <x v="5"/>
    <s v="Real-Pers Prop Tax-Cap Leases"/>
    <s v="NORMAL MONTHLY AMORTIZATIONS"/>
    <s v="KY"/>
    <s v="12139"/>
    <n v="1760"/>
    <s v=" "/>
    <s v=" "/>
    <s v="FINAN"/>
    <s v="G0000117"/>
    <s v="920"/>
    <s v="V"/>
    <s v="FANANDA"/>
    <s v="655"/>
    <s v=" "/>
    <s v="P"/>
    <s v="2025-06-02-15.35.53.989158"/>
    <n v="5"/>
    <s v="ONB"/>
    <s v="B10104P"/>
    <s v=" "/>
    <s v="REC"/>
    <s v="KYPCO KY 2025 LPP-KY117"/>
  </r>
  <r>
    <x v="2"/>
    <x v="19"/>
    <x v="2"/>
    <n v="5"/>
    <n v="2025"/>
    <x v="5"/>
    <s v="Real-Pers Prop Tax-Cap Leases"/>
    <s v="NORMAL MONTHLY AMORTIZATIONS"/>
    <s v="KY"/>
    <s v="12139"/>
    <n v="1298"/>
    <s v=" "/>
    <s v=" "/>
    <s v="FINAN"/>
    <s v="G0000180"/>
    <s v="920"/>
    <s v="V"/>
    <s v="FANANDA"/>
    <s v="655"/>
    <s v=" "/>
    <s v="P"/>
    <s v="2025-06-02-15.36.10.104313"/>
    <n v="45"/>
    <s v="ONB"/>
    <s v="B10104P"/>
    <s v=" "/>
    <s v="REC"/>
    <s v="KYPCO KY 2025 LPP-KY180"/>
  </r>
  <r>
    <x v="0"/>
    <x v="20"/>
    <x v="2"/>
    <n v="6"/>
    <n v="2025"/>
    <x v="5"/>
    <s v="Real-Pers Prop Tax-Cap Leases"/>
    <s v="NORMAL MONTHLY AMORTIZATIONS"/>
    <s v="KY"/>
    <s v="12139"/>
    <n v="52134"/>
    <s v=" "/>
    <s v=" "/>
    <s v="FINAN"/>
    <s v="G0000110"/>
    <s v="920"/>
    <s v="V"/>
    <s v="FANANDA"/>
    <s v="655"/>
    <s v=" "/>
    <s v="P"/>
    <s v="2025-07-03-12.39.22.031245"/>
    <n v="1"/>
    <s v="ONB"/>
    <s v="S375960"/>
    <s v=" "/>
    <s v="REC"/>
    <s v="KYPCO KY 2025 LPP-KY110"/>
  </r>
  <r>
    <x v="1"/>
    <x v="20"/>
    <x v="2"/>
    <n v="6"/>
    <n v="2025"/>
    <x v="5"/>
    <s v="Real-Pers Prop Tax-Cap Leases"/>
    <s v="NORMAL MONTHLY AMORTIZATIONS"/>
    <s v="KY"/>
    <s v="12139"/>
    <n v="1760"/>
    <s v=" "/>
    <s v=" "/>
    <s v="FINAN"/>
    <s v="G0000117"/>
    <s v="920"/>
    <s v="V"/>
    <s v="FANANDA"/>
    <s v="655"/>
    <s v=" "/>
    <s v="P"/>
    <s v="2025-07-03-12.39.27.245121"/>
    <n v="5"/>
    <s v="ONB"/>
    <s v="S375960"/>
    <s v=" "/>
    <s v="REC"/>
    <s v="KYPCO KY 2025 LPP-KY117"/>
  </r>
  <r>
    <x v="2"/>
    <x v="20"/>
    <x v="2"/>
    <n v="6"/>
    <n v="2025"/>
    <x v="5"/>
    <s v="Real-Pers Prop Tax-Cap Leases"/>
    <s v="NORMAL MONTHLY AMORTIZATIONS"/>
    <s v="KY"/>
    <s v="12139"/>
    <n v="1298"/>
    <s v=" "/>
    <s v=" "/>
    <s v="FINAN"/>
    <s v="G0000180"/>
    <s v="920"/>
    <s v="V"/>
    <s v="FANANDA"/>
    <s v="655"/>
    <s v=" "/>
    <s v="P"/>
    <s v="2025-07-03-12.39.53.475412"/>
    <n v="45"/>
    <s v="ONB"/>
    <s v="S375960"/>
    <s v=" "/>
    <s v="REC"/>
    <s v="KYPCO KY 2025 LPP-KY180"/>
  </r>
  <r>
    <x v="0"/>
    <x v="15"/>
    <x v="0"/>
    <n v="1"/>
    <n v="2025"/>
    <x v="6"/>
    <s v="Real Prop Tax-Cap Leases"/>
    <s v="NORMAL MONTHLY ACCRUALS"/>
    <s v="KY"/>
    <s v="12139"/>
    <n v="1250"/>
    <s v=" "/>
    <s v=" "/>
    <s v="FINAN"/>
    <s v="G0000110"/>
    <s v="910"/>
    <s v="V"/>
    <s v="FANANDA"/>
    <s v="655"/>
    <s v=" "/>
    <s v="P"/>
    <s v="2025-02-04-13.54.30.880109"/>
    <n v="1"/>
    <s v="ONB"/>
    <s v="B10104P"/>
    <s v=" "/>
    <s v="REC"/>
    <s v="KYPCO KY 2025 LRE-KY110"/>
  </r>
  <r>
    <x v="0"/>
    <x v="16"/>
    <x v="0"/>
    <n v="2"/>
    <n v="2025"/>
    <x v="6"/>
    <s v="Real Prop Tax-Cap Leases"/>
    <s v="NORMAL MONTHLY ACCRUALS"/>
    <s v="KY"/>
    <s v="12139"/>
    <n v="1250"/>
    <s v=" "/>
    <s v=" "/>
    <s v="FINAN"/>
    <s v="G0000110"/>
    <s v="910"/>
    <s v="V"/>
    <s v="FANANDA"/>
    <s v="655"/>
    <s v=" "/>
    <s v="P"/>
    <s v="2025-03-04-11.38.28.762161"/>
    <n v="1"/>
    <s v="ONB"/>
    <s v="B10104P"/>
    <s v=" "/>
    <s v="REC"/>
    <s v="KYPCO KY 2025 LRE-KY110"/>
  </r>
  <r>
    <x v="0"/>
    <x v="17"/>
    <x v="0"/>
    <n v="3"/>
    <n v="2025"/>
    <x v="6"/>
    <s v="Real Prop Tax-Cap Leases"/>
    <s v="NORMAL MONTHLY ACCRUALS"/>
    <s v="KY"/>
    <s v="12139"/>
    <n v="1250"/>
    <s v=" "/>
    <s v=" "/>
    <s v="FINAN"/>
    <s v="G0000110"/>
    <s v="910"/>
    <s v="V"/>
    <s v="FANANDA"/>
    <s v="655"/>
    <s v=" "/>
    <s v="P"/>
    <s v="2025-04-01-09.08.51.179205"/>
    <n v="1"/>
    <s v="ONB"/>
    <s v="B10104P"/>
    <s v=" "/>
    <s v="REC"/>
    <s v="KYPCO KY 2025 LRE-KY110"/>
  </r>
  <r>
    <x v="0"/>
    <x v="18"/>
    <x v="0"/>
    <n v="4"/>
    <n v="2025"/>
    <x v="6"/>
    <s v="Real Prop Tax-Cap Leases"/>
    <s v="NORMAL MONTHLY ACCRUALS"/>
    <s v="KY"/>
    <s v="12139"/>
    <n v="1250"/>
    <s v=" "/>
    <s v=" "/>
    <s v="FINAN"/>
    <s v="G0000110"/>
    <s v="910"/>
    <s v="V"/>
    <s v="FANANDA"/>
    <s v="655"/>
    <s v=" "/>
    <s v="P"/>
    <s v="2025-04-29-08.54.31.481834"/>
    <n v="1"/>
    <s v="ONB"/>
    <s v="B10104P"/>
    <s v=" "/>
    <s v="REC"/>
    <s v="KYPCO KY 2025 LRE-KY110"/>
  </r>
  <r>
    <x v="0"/>
    <x v="19"/>
    <x v="0"/>
    <n v="5"/>
    <n v="2025"/>
    <x v="6"/>
    <s v="Real Prop Tax-Cap Leases"/>
    <s v="NORMAL MONTHLY ACCRUALS"/>
    <s v="KY"/>
    <s v="12139"/>
    <n v="1250"/>
    <s v=" "/>
    <s v=" "/>
    <s v="FINAN"/>
    <s v="G0000110"/>
    <s v="910"/>
    <s v="V"/>
    <s v="FANANDA"/>
    <s v="655"/>
    <s v=" "/>
    <s v="P"/>
    <s v="2025-06-02-15.34.35.789939"/>
    <n v="1"/>
    <s v="ONB"/>
    <s v="B10104P"/>
    <s v=" "/>
    <s v="REC"/>
    <s v="KYPCO KY 2025 LRE-KY110"/>
  </r>
  <r>
    <x v="0"/>
    <x v="20"/>
    <x v="0"/>
    <n v="6"/>
    <n v="2025"/>
    <x v="6"/>
    <s v="Real Prop Tax-Cap Leases"/>
    <s v="NORMAL MONTHLY ACCRUALS"/>
    <s v="KY"/>
    <s v="12139"/>
    <n v="1250"/>
    <s v=" "/>
    <s v=" "/>
    <s v="FINAN"/>
    <s v="G0000110"/>
    <s v="910"/>
    <s v="V"/>
    <s v="FANANDA"/>
    <s v="655"/>
    <s v=" "/>
    <s v="P"/>
    <s v="2025-07-03-11.50.55.554051"/>
    <n v="1"/>
    <s v="ONB"/>
    <s v="S375960"/>
    <s v=" "/>
    <s v="REC"/>
    <s v="KYPCO KY 2025 LRE-KY110"/>
  </r>
  <r>
    <x v="1"/>
    <x v="1"/>
    <x v="4"/>
    <n v="1"/>
    <n v="2024"/>
    <x v="7"/>
    <s v="Real Personal Property Taxes"/>
    <s v="Intercompany Billing"/>
    <s v="WV"/>
    <s v="99910"/>
    <n v="-231082"/>
    <s v=" "/>
    <s v=" "/>
    <s v="FINAN"/>
    <s v="G0001267"/>
    <s v="971"/>
    <s v="V"/>
    <s v="FANANDA"/>
    <s v="655"/>
    <s v=" "/>
    <s v="P"/>
    <s v="2024-02-01-23.11.57.735592"/>
    <n v="112"/>
    <s v="PRA"/>
    <s v="GLBATCH"/>
    <s v=" "/>
    <s v=" "/>
    <s v="Intercompany Billing"/>
  </r>
  <r>
    <x v="1"/>
    <x v="1"/>
    <x v="5"/>
    <n v="1"/>
    <n v="2024"/>
    <x v="7"/>
    <s v="Real Personal Property Taxes"/>
    <s v="Mitchell Joint Facility"/>
    <s v="WV"/>
    <s v="13403"/>
    <n v="260033.5"/>
    <s v=" "/>
    <s v=" "/>
    <s v="FINAN"/>
    <s v="G0001267"/>
    <s v="971"/>
    <s v="V"/>
    <s v="FANANDA"/>
    <s v="655"/>
    <s v=" "/>
    <s v="P"/>
    <s v="2024-02-05-12.04.34.413491"/>
    <n v="17"/>
    <s v="GLA"/>
    <s v="GLBATCH"/>
    <s v=" "/>
    <s v=" "/>
    <s v="Mitchell Joint Facility"/>
  </r>
  <r>
    <x v="1"/>
    <x v="1"/>
    <x v="6"/>
    <n v="1"/>
    <n v="2024"/>
    <x v="7"/>
    <s v="Real Personal Property Taxes"/>
    <s v="NORMAL MONTHLY AMORTIZATIONS"/>
    <s v="WV"/>
    <s v="12139"/>
    <n v="231082"/>
    <s v=" "/>
    <s v=" "/>
    <s v="FINAN"/>
    <s v="G0001267"/>
    <s v="971"/>
    <s v="V"/>
    <s v="FANANDA"/>
    <s v="655"/>
    <s v=" "/>
    <s v="P"/>
    <s v="2024-02-01-11.45.38.014686"/>
    <n v="19"/>
    <s v="ONB"/>
    <s v="B10104P"/>
    <s v=" "/>
    <s v="REC"/>
    <s v="KYPCO WV 2023 OWNED-WV117"/>
  </r>
  <r>
    <x v="1"/>
    <x v="22"/>
    <x v="6"/>
    <n v="2"/>
    <n v="2024"/>
    <x v="7"/>
    <s v="Real Personal Property Taxes"/>
    <s v="NORMAL MONTHLY AMORTIZATIONS"/>
    <s v="WV"/>
    <s v="12139"/>
    <n v="231082"/>
    <s v=" "/>
    <s v=" "/>
    <s v="FINAN"/>
    <s v="G0001267"/>
    <s v="971"/>
    <s v="V"/>
    <s v="FANANDA"/>
    <s v="655"/>
    <s v=" "/>
    <s v="P"/>
    <s v="2024-03-01-11.49.00.450573"/>
    <n v="19"/>
    <s v="ONB"/>
    <s v="B10104P"/>
    <s v=" "/>
    <s v="REC"/>
    <s v="KYPCO WV 2023 OWNED-WV117"/>
  </r>
  <r>
    <x v="1"/>
    <x v="2"/>
    <x v="7"/>
    <n v="2"/>
    <n v="2024"/>
    <x v="7"/>
    <s v="Real Personal Property Taxes"/>
    <s v="Mitchell Joint Facility"/>
    <s v="WV"/>
    <s v="13403"/>
    <n v="260033.5"/>
    <s v=" "/>
    <s v=" "/>
    <s v="FINAN"/>
    <s v="G0001267"/>
    <s v="971"/>
    <s v="V"/>
    <s v="FANANDA"/>
    <s v="655"/>
    <s v=" "/>
    <s v="P"/>
    <s v="2024-03-05-11.57.04.948236"/>
    <n v="22"/>
    <s v="GLA"/>
    <s v="GLBATCH"/>
    <s v=" "/>
    <s v=" "/>
    <s v="Mitchell Joint Facility"/>
  </r>
  <r>
    <x v="1"/>
    <x v="2"/>
    <x v="8"/>
    <n v="2"/>
    <n v="2024"/>
    <x v="7"/>
    <s v="Real Personal Property Taxes"/>
    <s v="Intercompany Billing"/>
    <s v="WV"/>
    <s v="99910"/>
    <n v="-231082"/>
    <s v=" "/>
    <s v=" "/>
    <s v="FINAN"/>
    <s v="G0001267"/>
    <s v="971"/>
    <s v="V"/>
    <s v="FANANDA"/>
    <s v="655"/>
    <s v=" "/>
    <s v="P"/>
    <s v="2024-03-01-21.32.17.267639"/>
    <n v="119"/>
    <s v="PRA"/>
    <s v="GLBATCH"/>
    <s v=" "/>
    <s v=" "/>
    <s v="Intercompany Billing"/>
  </r>
  <r>
    <x v="1"/>
    <x v="3"/>
    <x v="6"/>
    <n v="3"/>
    <n v="2024"/>
    <x v="7"/>
    <s v="Real Personal Property Taxes"/>
    <s v="NORMAL MONTHLY AMORTIZATIONS"/>
    <s v="WV"/>
    <s v="12139"/>
    <n v="231082"/>
    <s v=" "/>
    <s v=" "/>
    <s v="FINAN"/>
    <s v="G0001267"/>
    <s v="971"/>
    <s v="V"/>
    <s v="FANANDA"/>
    <s v="655"/>
    <s v=" "/>
    <s v="P"/>
    <s v="2024-04-01-10.54.07.059086"/>
    <n v="19"/>
    <s v="UPL"/>
    <s v="S375386"/>
    <s v=" "/>
    <s v="REC"/>
    <s v="KYPCO WV 2023 OWNED-WV117"/>
  </r>
  <r>
    <x v="1"/>
    <x v="3"/>
    <x v="9"/>
    <n v="3"/>
    <n v="2024"/>
    <x v="7"/>
    <s v="Real Personal Property Taxes"/>
    <s v="Mitchell Joint Facility"/>
    <s v="WV"/>
    <s v="13403"/>
    <n v="260033.5"/>
    <s v=" "/>
    <s v=" "/>
    <s v="FINAN"/>
    <s v="G0001267"/>
    <s v="971"/>
    <s v="V"/>
    <s v="FANANDA"/>
    <s v="655"/>
    <s v=" "/>
    <s v="P"/>
    <s v="2024-04-03-12.20.36.236744"/>
    <n v="23"/>
    <s v="GLA"/>
    <s v="GLBATCH"/>
    <s v=" "/>
    <s v=" "/>
    <s v="Mitchell Joint Facility"/>
  </r>
  <r>
    <x v="1"/>
    <x v="3"/>
    <x v="10"/>
    <n v="3"/>
    <n v="2024"/>
    <x v="7"/>
    <s v="Real Personal Property Taxes"/>
    <s v="Intercompany Billing"/>
    <s v="WV"/>
    <s v="99910"/>
    <n v="-231082"/>
    <s v=" "/>
    <s v=" "/>
    <s v="FINAN"/>
    <s v="G0001267"/>
    <s v="971"/>
    <s v="V"/>
    <s v="FANANDA"/>
    <s v="655"/>
    <s v=" "/>
    <s v="P"/>
    <s v="2024-04-02-00.19.20.763422"/>
    <n v="132"/>
    <s v="PRA"/>
    <s v="GLBATCH"/>
    <s v=" "/>
    <s v=" "/>
    <s v="Intercompany Billing"/>
  </r>
  <r>
    <x v="1"/>
    <x v="4"/>
    <x v="6"/>
    <n v="4"/>
    <n v="2024"/>
    <x v="7"/>
    <s v="Real Personal Property Taxes"/>
    <s v="NORMAL MONTHLY AMORTIZATIONS"/>
    <s v="WV"/>
    <s v="12139"/>
    <n v="231082"/>
    <s v=" "/>
    <s v=" "/>
    <s v="FINAN"/>
    <s v="G0001267"/>
    <s v="971"/>
    <s v="V"/>
    <s v="FANANDA"/>
    <s v="655"/>
    <s v=" "/>
    <s v="P"/>
    <s v="2024-04-30-04.23.43.754526"/>
    <n v="19"/>
    <s v="UPL"/>
    <s v="S380187"/>
    <s v=" "/>
    <s v="REC"/>
    <s v="KYPCO WV 2023 OWNED-WV117"/>
  </r>
  <r>
    <x v="1"/>
    <x v="4"/>
    <x v="11"/>
    <n v="4"/>
    <n v="2024"/>
    <x v="7"/>
    <s v="Real Personal Property Taxes"/>
    <s v="Mitchell Joint Facility"/>
    <s v="WV"/>
    <s v="13403"/>
    <n v="260033.5"/>
    <s v=" "/>
    <s v=" "/>
    <s v="FINAN"/>
    <s v="G0001267"/>
    <s v="971"/>
    <s v="V"/>
    <s v="FANANDA"/>
    <s v="655"/>
    <s v=" "/>
    <s v="P"/>
    <s v="2024-05-03-12.04.35.695928"/>
    <n v="20"/>
    <s v="GLA"/>
    <s v="GLBATCH"/>
    <s v=" "/>
    <s v=" "/>
    <s v="Mitchell Joint Facility"/>
  </r>
  <r>
    <x v="1"/>
    <x v="4"/>
    <x v="12"/>
    <n v="4"/>
    <n v="2024"/>
    <x v="7"/>
    <s v="Real Personal Property Taxes"/>
    <s v="Intercompany Billing"/>
    <s v="WV"/>
    <s v="99910"/>
    <n v="-231082"/>
    <s v=" "/>
    <s v=" "/>
    <s v="FINAN"/>
    <s v="G0001267"/>
    <s v="971"/>
    <s v="V"/>
    <s v="FANANDA"/>
    <s v="655"/>
    <s v=" "/>
    <s v="P"/>
    <s v="2024-05-01-23.56.19.746518"/>
    <n v="136"/>
    <s v="PRA"/>
    <s v="GLBATCH"/>
    <s v=" "/>
    <s v=" "/>
    <s v="Intercompany Billing"/>
  </r>
  <r>
    <x v="1"/>
    <x v="5"/>
    <x v="13"/>
    <n v="5"/>
    <n v="2024"/>
    <x v="7"/>
    <s v="Real Personal Property Taxes"/>
    <s v="Mitchell Joint Facility"/>
    <s v="WV"/>
    <s v="13403"/>
    <n v="260033.5"/>
    <s v=" "/>
    <s v=" "/>
    <s v="FINAN"/>
    <s v="G0001267"/>
    <s v="971"/>
    <s v="V"/>
    <s v="FANANDA"/>
    <s v="655"/>
    <s v=" "/>
    <s v="P"/>
    <s v="2024-06-05-12.20.52.147610"/>
    <n v="20"/>
    <s v="GLA"/>
    <s v="GLBATCH"/>
    <s v=" "/>
    <s v=" "/>
    <s v="Mitchell Joint Facility"/>
  </r>
  <r>
    <x v="1"/>
    <x v="5"/>
    <x v="14"/>
    <n v="5"/>
    <n v="2024"/>
    <x v="7"/>
    <s v="Real Personal Property Taxes"/>
    <s v="Intercompany Billing"/>
    <s v="WV"/>
    <s v="99910"/>
    <n v="-231082"/>
    <s v=" "/>
    <s v=" "/>
    <s v="FINAN"/>
    <s v="G0001267"/>
    <s v="971"/>
    <s v="V"/>
    <s v="FANANDA"/>
    <s v="655"/>
    <s v=" "/>
    <s v="P"/>
    <s v="2024-06-04-01.57.50.929940"/>
    <n v="140"/>
    <s v="PRA"/>
    <s v="GLBATCH"/>
    <s v=" "/>
    <s v=" "/>
    <s v="Intercompany Billing"/>
  </r>
  <r>
    <x v="1"/>
    <x v="5"/>
    <x v="6"/>
    <n v="5"/>
    <n v="2024"/>
    <x v="7"/>
    <s v="Real Personal Property Taxes"/>
    <s v="NORMAL MONTHLY AMORTIZATIONS"/>
    <s v="WV"/>
    <s v="12139"/>
    <n v="231082"/>
    <s v=" "/>
    <s v=" "/>
    <s v="FINAN"/>
    <s v="G0001267"/>
    <s v="971"/>
    <s v="V"/>
    <s v="FANANDA"/>
    <s v="655"/>
    <s v=" "/>
    <s v="P"/>
    <s v="2024-06-03-14.42.03.703501"/>
    <n v="19"/>
    <s v="UPL"/>
    <s v="S347776"/>
    <s v=" "/>
    <s v="REC"/>
    <s v="KYPCO WV 2023 OWNED WV117"/>
  </r>
  <r>
    <x v="1"/>
    <x v="6"/>
    <x v="6"/>
    <n v="6"/>
    <n v="2024"/>
    <x v="7"/>
    <s v="Real Personal Property Taxes"/>
    <s v="NORMAL MONTHLY AMORTIZATIONS"/>
    <s v="WV"/>
    <s v="12139"/>
    <n v="231078.65"/>
    <s v=" "/>
    <s v=" "/>
    <s v="FINAN"/>
    <s v="G0001267"/>
    <s v="971"/>
    <s v="V"/>
    <s v="FANANDA"/>
    <s v="655"/>
    <s v=" "/>
    <s v="P"/>
    <s v="2024-07-01-11.59.55.090844"/>
    <n v="19"/>
    <s v="ONB"/>
    <s v="B10104P"/>
    <s v=" "/>
    <s v="REC"/>
    <s v="KYPCO WV 2023 OWNED-WV117"/>
  </r>
  <r>
    <x v="1"/>
    <x v="6"/>
    <x v="15"/>
    <n v="6"/>
    <n v="2024"/>
    <x v="7"/>
    <s v="Real Personal Property Taxes"/>
    <s v="Mitchell Joint Facility"/>
    <s v="WV"/>
    <s v="13403"/>
    <n v="260032.46"/>
    <s v=" "/>
    <s v=" "/>
    <s v="FINAN"/>
    <s v="G0001267"/>
    <s v="971"/>
    <s v="V"/>
    <s v="FANANDA"/>
    <s v="655"/>
    <s v=" "/>
    <s v="P"/>
    <s v="2024-07-03-12.27.32.671268"/>
    <n v="21"/>
    <s v="GLA"/>
    <s v="GLBATCH"/>
    <s v=" "/>
    <s v=" "/>
    <s v="Mitchell Joint Facility"/>
  </r>
  <r>
    <x v="1"/>
    <x v="6"/>
    <x v="16"/>
    <n v="6"/>
    <n v="2024"/>
    <x v="7"/>
    <s v="Real Personal Property Taxes"/>
    <s v="Intercompany Billing"/>
    <s v="WV"/>
    <s v="99910"/>
    <n v="-231078.65"/>
    <s v=" "/>
    <s v=" "/>
    <s v="FINAN"/>
    <s v="G0001267"/>
    <s v="971"/>
    <s v="V"/>
    <s v="FANANDA"/>
    <s v="655"/>
    <s v=" "/>
    <s v="P"/>
    <s v="2024-07-02-00.54.06.602466"/>
    <n v="128"/>
    <s v="PRA"/>
    <s v="GLBATCH"/>
    <s v=" "/>
    <s v=" "/>
    <s v="Intercompany Billing"/>
  </r>
  <r>
    <x v="0"/>
    <x v="7"/>
    <x v="17"/>
    <n v="7"/>
    <n v="2024"/>
    <x v="7"/>
    <s v="Real Personal Property Taxes"/>
    <s v="TO TRANSFER MONTHLY EXPENSE OR"/>
    <s v="MI"/>
    <s v="12139"/>
    <n v="-10.14"/>
    <s v=" "/>
    <s v=" "/>
    <s v="FINAN"/>
    <s v="G0000110"/>
    <s v="999"/>
    <s v="V"/>
    <s v="FANANDA"/>
    <s v="655"/>
    <s v=" "/>
    <s v="P"/>
    <s v="2024-08-02-16.57.55.486559"/>
    <n v="10"/>
    <s v="UPL"/>
    <s v="S300222"/>
    <s v=" "/>
    <s v="REC"/>
    <s v="Real Personal Property Taxes"/>
  </r>
  <r>
    <x v="0"/>
    <x v="12"/>
    <x v="1"/>
    <n v="12"/>
    <n v="2024"/>
    <x v="7"/>
    <s v="Real Personal Property Taxes"/>
    <s v="OUA based on settled values an"/>
    <s v="KY"/>
    <s v="12139"/>
    <n v="-698856"/>
    <s v=" "/>
    <s v=" "/>
    <s v="FINAN"/>
    <s v="G0000110"/>
    <s v="999"/>
    <s v="V"/>
    <s v="FANANDA"/>
    <s v="655"/>
    <s v=" "/>
    <s v="P"/>
    <s v="2025-01-03-20.05.31.154984"/>
    <n v="1"/>
    <s v="UPL"/>
    <s v="S337959"/>
    <s v=" "/>
    <s v="NONREC"/>
    <s v="Real Personal Property Taxes"/>
  </r>
  <r>
    <x v="1"/>
    <x v="12"/>
    <x v="1"/>
    <n v="12"/>
    <n v="2024"/>
    <x v="7"/>
    <s v="Real Personal Property Taxes"/>
    <s v="OUA based on settled values an"/>
    <s v="KY"/>
    <s v="12139"/>
    <n v="-133673"/>
    <s v=" "/>
    <s v=" "/>
    <s v="FINAN"/>
    <s v="G0000117"/>
    <s v="999"/>
    <s v="V"/>
    <s v="FANANDA"/>
    <s v="655"/>
    <s v=" "/>
    <s v="P"/>
    <s v="2025-01-03-20.05.33.795946"/>
    <n v="3"/>
    <s v="UPL"/>
    <s v="S337959"/>
    <s v=" "/>
    <s v="NONREC"/>
    <s v="Real Personal Property Taxes"/>
  </r>
  <r>
    <x v="2"/>
    <x v="12"/>
    <x v="1"/>
    <n v="12"/>
    <n v="2024"/>
    <x v="7"/>
    <s v="Real Personal Property Taxes"/>
    <s v="OUA based on settled values an"/>
    <s v="KY"/>
    <s v="12139"/>
    <n v="-482471"/>
    <s v=" "/>
    <s v=" "/>
    <s v="FINAN"/>
    <s v="G0000180"/>
    <s v="999"/>
    <s v="V"/>
    <s v="FANANDA"/>
    <s v="655"/>
    <s v=" "/>
    <s v="P"/>
    <s v="2025-01-03-20.05.36.829158"/>
    <n v="5"/>
    <s v="UPL"/>
    <s v="S337959"/>
    <s v=" "/>
    <s v="NONREC"/>
    <s v="Real Personal Property Taxes"/>
  </r>
  <r>
    <x v="0"/>
    <x v="23"/>
    <x v="0"/>
    <n v="3"/>
    <n v="2024"/>
    <x v="8"/>
    <s v="Real Personal Property Taxes"/>
    <s v="Clear KY payments Vintage 21"/>
    <s v="KY"/>
    <s v="12139"/>
    <n v="778009.48"/>
    <s v=" "/>
    <s v=" "/>
    <s v="FINAN"/>
    <s v="G0000110"/>
    <s v="999"/>
    <s v="V"/>
    <s v="FANANDA"/>
    <s v="655"/>
    <s v=" "/>
    <s v="P"/>
    <s v="2024-04-01-13.57.17.914541"/>
    <n v="1"/>
    <s v="UPL"/>
    <s v="S375960"/>
    <s v=" "/>
    <s v="NONREC"/>
    <s v="KYPCO KY 2022 OWNED-KY110"/>
  </r>
  <r>
    <x v="1"/>
    <x v="23"/>
    <x v="0"/>
    <n v="3"/>
    <n v="2024"/>
    <x v="8"/>
    <s v="Real Personal Property Taxes"/>
    <s v="Clear KY payments Vintage 21"/>
    <s v="KY"/>
    <s v="12139"/>
    <n v="6.55"/>
    <s v=" "/>
    <s v=" "/>
    <s v="FINAN"/>
    <s v="G0000117"/>
    <s v="999"/>
    <s v="V"/>
    <s v="FANANDA"/>
    <s v="655"/>
    <s v=" "/>
    <s v="P"/>
    <s v="2024-04-01-13.57.20.660634"/>
    <n v="3"/>
    <s v="UPL"/>
    <s v="S375960"/>
    <s v=" "/>
    <s v="NONREC"/>
    <s v="KYPCO KY 2022 OWNED-KY117"/>
  </r>
  <r>
    <x v="2"/>
    <x v="23"/>
    <x v="0"/>
    <n v="3"/>
    <n v="2024"/>
    <x v="8"/>
    <s v="Real Personal Property Taxes"/>
    <s v="Clear KY payments Vintage 21"/>
    <s v="KY"/>
    <s v="12139"/>
    <n v="54974.31"/>
    <s v=" "/>
    <s v=" "/>
    <s v="FINAN"/>
    <s v="G0000180"/>
    <s v="999"/>
    <s v="V"/>
    <s v="FANANDA"/>
    <s v="655"/>
    <s v=" "/>
    <s v="P"/>
    <s v="2024-04-01-13.57.22.469921"/>
    <n v="5"/>
    <s v="UPL"/>
    <s v="S375960"/>
    <s v=" "/>
    <s v="NONREC"/>
    <s v="KYPCO KY 2022 OWNED-KY180"/>
  </r>
  <r>
    <x v="0"/>
    <x v="24"/>
    <x v="0"/>
    <n v="11"/>
    <n v="2024"/>
    <x v="8"/>
    <s v="Real Personal Property Taxes"/>
    <s v="CLEAR 236 BALANCE"/>
    <s v="KY"/>
    <s v="12139"/>
    <n v="-25903.25"/>
    <s v=" "/>
    <s v=" "/>
    <s v="FINAN"/>
    <s v="G0000110"/>
    <s v="999"/>
    <s v="V"/>
    <s v="FANANDA"/>
    <s v="655"/>
    <s v=" "/>
    <s v="P"/>
    <s v="2024-11-28-08.20.59.599407"/>
    <n v="1"/>
    <s v="ONB"/>
    <s v="B10104P"/>
    <s v=" "/>
    <s v="NONREC"/>
    <s v="KYPCO KY 2022 OWNED-KY110"/>
  </r>
  <r>
    <x v="0"/>
    <x v="1"/>
    <x v="2"/>
    <n v="1"/>
    <n v="2024"/>
    <x v="9"/>
    <s v="Real Personal Property Taxes"/>
    <s v="NORMAL MONTHLY AMORTIZATIONS"/>
    <s v="KY"/>
    <s v="12139"/>
    <n v="959733"/>
    <s v=" "/>
    <s v=" "/>
    <s v="FINAN"/>
    <s v="G0000110"/>
    <s v="999"/>
    <s v="V"/>
    <s v="FANANDA"/>
    <s v="655"/>
    <s v=" "/>
    <s v="P"/>
    <s v="2024-02-05-15.47.42.510307"/>
    <n v="3"/>
    <s v="ONB"/>
    <s v="B10104P"/>
    <s v=" "/>
    <s v="REC"/>
    <s v="KYPCO KY 2024 OWNED-KY110"/>
  </r>
  <r>
    <x v="1"/>
    <x v="1"/>
    <x v="2"/>
    <n v="1"/>
    <n v="2024"/>
    <x v="9"/>
    <s v="Real Personal Property Taxes"/>
    <s v="NORMAL MONTHLY AMORTIZATIONS"/>
    <s v="KY"/>
    <s v="12139"/>
    <n v="179219"/>
    <s v=" "/>
    <s v=" "/>
    <s v="FINAN"/>
    <s v="G0001096"/>
    <s v="999"/>
    <s v="V"/>
    <s v="FANANDA"/>
    <s v="655"/>
    <s v=" "/>
    <s v="P"/>
    <s v="2024-02-05-15.47.45.202283"/>
    <n v="8"/>
    <s v="ONB"/>
    <s v="B10104P"/>
    <s v=" "/>
    <s v="REC"/>
    <s v="KYPCO KY 2024 OWNED-KY117"/>
  </r>
  <r>
    <x v="1"/>
    <x v="15"/>
    <x v="6"/>
    <n v="1"/>
    <n v="2025"/>
    <x v="9"/>
    <s v="Real Personal Property Taxes"/>
    <s v="NORMAL MONTHLY AMORTIZATIONS"/>
    <s v="WV"/>
    <s v="12139"/>
    <n v="224199"/>
    <s v=" "/>
    <s v=" "/>
    <s v="FINAN"/>
    <s v="G0001267"/>
    <s v="971"/>
    <s v="V"/>
    <s v="FANANDA"/>
    <s v="655"/>
    <s v=" "/>
    <s v="P"/>
    <s v="2025-02-03-16.51.07.990845"/>
    <n v="19"/>
    <s v="ONB"/>
    <s v="B10104P"/>
    <s v=" "/>
    <s v="REC"/>
    <s v="KYPCO WV 2024 OWNED-WV117"/>
  </r>
  <r>
    <x v="1"/>
    <x v="15"/>
    <x v="18"/>
    <n v="1"/>
    <n v="2025"/>
    <x v="9"/>
    <s v="Real Personal Property Taxes"/>
    <s v="Mitchell Joint Facility"/>
    <s v="WV"/>
    <s v="13403"/>
    <n v="262522"/>
    <s v=" "/>
    <s v=" "/>
    <s v="FINAN"/>
    <s v="G0001267"/>
    <s v="971"/>
    <s v="V"/>
    <s v="FANANDA"/>
    <s v="655"/>
    <s v=" "/>
    <s v="P"/>
    <s v="2025-02-05-12.28.44.266319"/>
    <n v="23"/>
    <s v="GLA"/>
    <s v="GLBATCH"/>
    <s v=" "/>
    <s v=" "/>
    <s v="Mitchell Joint Facility"/>
  </r>
  <r>
    <x v="1"/>
    <x v="15"/>
    <x v="19"/>
    <n v="1"/>
    <n v="2025"/>
    <x v="9"/>
    <s v="Real Personal Property Taxes"/>
    <s v="Intercompany Billing"/>
    <s v="WV"/>
    <s v="99910"/>
    <n v="-224199"/>
    <s v=" "/>
    <s v=" "/>
    <s v="FINAN"/>
    <s v="G0001267"/>
    <s v="971"/>
    <s v="V"/>
    <s v="FANANDA"/>
    <s v="655"/>
    <s v=" "/>
    <s v="P"/>
    <s v="2025-02-04-01.40.00.464277"/>
    <n v="107"/>
    <s v="PRA"/>
    <s v="GLBATCH"/>
    <s v=" "/>
    <s v=" "/>
    <s v="Intercompany Billing"/>
  </r>
  <r>
    <x v="2"/>
    <x v="1"/>
    <x v="2"/>
    <n v="1"/>
    <n v="2024"/>
    <x v="9"/>
    <s v="Real Personal Property Taxes"/>
    <s v="NORMAL MONTHLY AMORTIZATIONS"/>
    <s v="KY"/>
    <s v="12139"/>
    <n v="599298"/>
    <s v=" "/>
    <s v=" "/>
    <s v="FINAN"/>
    <s v="G0000180"/>
    <s v="999"/>
    <s v="V"/>
    <s v="FANANDA"/>
    <s v="655"/>
    <s v=" "/>
    <s v="P"/>
    <s v="2024-02-05-15.47.57.303261"/>
    <n v="49"/>
    <s v="ONB"/>
    <s v="B10104P"/>
    <s v=" "/>
    <s v="REC"/>
    <s v="KYPCO KY 2024 OWNED-KY180"/>
  </r>
  <r>
    <x v="0"/>
    <x v="2"/>
    <x v="2"/>
    <n v="2"/>
    <n v="2024"/>
    <x v="9"/>
    <s v="Real Personal Property Taxes"/>
    <s v="NORMAL MONTHLY AMORTIZATIONS"/>
    <s v="KY"/>
    <s v="12139"/>
    <n v="959733"/>
    <s v=" "/>
    <s v=" "/>
    <s v="FINAN"/>
    <s v="G0000110"/>
    <s v="999"/>
    <s v="V"/>
    <s v="FANANDA"/>
    <s v="655"/>
    <s v=" "/>
    <s v="P"/>
    <s v="2024-03-01-11.59.15.859560"/>
    <n v="3"/>
    <s v="ONB"/>
    <s v="B10104P"/>
    <s v=" "/>
    <s v="REC"/>
    <s v="KYPCO KY 2024 OWNED-KY110"/>
  </r>
  <r>
    <x v="1"/>
    <x v="2"/>
    <x v="2"/>
    <n v="2"/>
    <n v="2024"/>
    <x v="9"/>
    <s v="Real Personal Property Taxes"/>
    <s v="NORMAL MONTHLY AMORTIZATIONS"/>
    <s v="KY"/>
    <s v="12139"/>
    <n v="179219"/>
    <s v=" "/>
    <s v=" "/>
    <s v="FINAN"/>
    <s v="G0001096"/>
    <s v="999"/>
    <s v="V"/>
    <s v="FANANDA"/>
    <s v="655"/>
    <s v=" "/>
    <s v="P"/>
    <s v="2024-03-01-11.59.17.807341"/>
    <n v="7"/>
    <s v="ONB"/>
    <s v="B10104P"/>
    <s v=" "/>
    <s v="REC"/>
    <s v="KYPCO KY 2024 OWNED-KY117"/>
  </r>
  <r>
    <x v="1"/>
    <x v="16"/>
    <x v="20"/>
    <n v="2"/>
    <n v="2025"/>
    <x v="9"/>
    <s v="Real Personal Property Taxes"/>
    <s v="Mitchell Joint Facility"/>
    <s v="WV"/>
    <s v="13403"/>
    <n v="262522"/>
    <s v=" "/>
    <s v=" "/>
    <s v="FINAN"/>
    <s v="G0001267"/>
    <s v="971"/>
    <s v="V"/>
    <s v="FANANDA"/>
    <s v="655"/>
    <s v=" "/>
    <s v="P"/>
    <s v="2025-03-05-12.12.04.777681"/>
    <n v="18"/>
    <s v="GLA"/>
    <s v="GLBATCH"/>
    <s v=" "/>
    <s v=" "/>
    <s v="Mitchell Joint Facility"/>
  </r>
  <r>
    <x v="1"/>
    <x v="16"/>
    <x v="21"/>
    <n v="2"/>
    <n v="2025"/>
    <x v="9"/>
    <s v="Real Personal Property Taxes"/>
    <s v="Intercompany Billing"/>
    <s v="WV"/>
    <s v="99910"/>
    <n v="-224199"/>
    <s v=" "/>
    <s v=" "/>
    <s v="FINAN"/>
    <s v="G0001267"/>
    <s v="971"/>
    <s v="V"/>
    <s v="FANANDA"/>
    <s v="655"/>
    <s v=" "/>
    <s v="P"/>
    <s v="2025-03-04-00.23.26.283751"/>
    <n v="120"/>
    <s v="PRA"/>
    <s v="GLBATCH"/>
    <s v=" "/>
    <s v=" "/>
    <s v="Intercompany Billing"/>
  </r>
  <r>
    <x v="1"/>
    <x v="16"/>
    <x v="6"/>
    <n v="2"/>
    <n v="2025"/>
    <x v="9"/>
    <s v="Real Personal Property Taxes"/>
    <s v="NORMAL MONTHLY AMORTIZATIONS"/>
    <s v="WV"/>
    <s v="12139"/>
    <n v="224199"/>
    <s v=" "/>
    <s v=" "/>
    <s v="FINAN"/>
    <s v="G0001267"/>
    <s v="971"/>
    <s v="V"/>
    <s v="FANANDA"/>
    <s v="655"/>
    <s v=" "/>
    <s v="P"/>
    <s v="2025-03-03-11.58.00.992898"/>
    <n v="17"/>
    <s v="ONB"/>
    <s v="B10104P"/>
    <s v=" "/>
    <s v="REC"/>
    <s v="KYPCO WV 2024 OWNED-WV117"/>
  </r>
  <r>
    <x v="2"/>
    <x v="2"/>
    <x v="2"/>
    <n v="2"/>
    <n v="2024"/>
    <x v="9"/>
    <s v="Real Personal Property Taxes"/>
    <s v="NORMAL MONTHLY AMORTIZATIONS"/>
    <s v="KY"/>
    <s v="12139"/>
    <n v="599298"/>
    <s v=" "/>
    <s v=" "/>
    <s v="FINAN"/>
    <s v="G0000180"/>
    <s v="999"/>
    <s v="V"/>
    <s v="FANANDA"/>
    <s v="655"/>
    <s v=" "/>
    <s v="P"/>
    <s v="2024-03-01-11.59.29.068720"/>
    <n v="47"/>
    <s v="ONB"/>
    <s v="B10104P"/>
    <s v=" "/>
    <s v="REC"/>
    <s v="KYPCO KY 2024 OWNED-KY180"/>
  </r>
  <r>
    <x v="0"/>
    <x v="3"/>
    <x v="2"/>
    <n v="3"/>
    <n v="2024"/>
    <x v="9"/>
    <s v="Real Personal Property Taxes"/>
    <s v="NORMAL MONTHLY AMORTIZATIONS"/>
    <s v="KY"/>
    <s v="12139"/>
    <n v="959733"/>
    <s v=" "/>
    <s v=" "/>
    <s v="FINAN"/>
    <s v="G0000110"/>
    <s v="999"/>
    <s v="V"/>
    <s v="FANANDA"/>
    <s v="655"/>
    <s v=" "/>
    <s v="P"/>
    <s v="2024-04-01-13.51.03.334099"/>
    <n v="3"/>
    <s v="UPL"/>
    <s v="S375960"/>
    <s v=" "/>
    <s v="REC"/>
    <s v="KYPCO KY 2024 OWNED-KY110"/>
  </r>
  <r>
    <x v="1"/>
    <x v="3"/>
    <x v="2"/>
    <n v="3"/>
    <n v="2024"/>
    <x v="9"/>
    <s v="Real Personal Property Taxes"/>
    <s v="NORMAL MONTHLY AMORTIZATIONS"/>
    <s v="KY"/>
    <s v="12139"/>
    <n v="179219"/>
    <s v=" "/>
    <s v=" "/>
    <s v="FINAN"/>
    <s v="G0001096"/>
    <s v="999"/>
    <s v="V"/>
    <s v="FANANDA"/>
    <s v="655"/>
    <s v=" "/>
    <s v="P"/>
    <s v="2024-04-01-13.51.05.885964"/>
    <n v="7"/>
    <s v="UPL"/>
    <s v="S375960"/>
    <s v=" "/>
    <s v="REC"/>
    <s v="KYPCO KY 2024 OWNED-KY117"/>
  </r>
  <r>
    <x v="1"/>
    <x v="17"/>
    <x v="22"/>
    <n v="3"/>
    <n v="2025"/>
    <x v="9"/>
    <s v="Real Personal Property Taxes"/>
    <s v="Mitchell Joint Facility"/>
    <s v="WV"/>
    <s v="13403"/>
    <n v="262522"/>
    <s v=" "/>
    <s v=" "/>
    <s v="FINAN"/>
    <s v="G0001267"/>
    <s v="971"/>
    <s v="V"/>
    <s v="FANANDA"/>
    <s v="655"/>
    <s v=" "/>
    <s v="P"/>
    <s v="2025-04-03-12.24.57.961516"/>
    <n v="20"/>
    <s v="GLA"/>
    <s v="GLBATCH"/>
    <s v=" "/>
    <s v=" "/>
    <s v="Mitchell Joint Facility"/>
  </r>
  <r>
    <x v="1"/>
    <x v="17"/>
    <x v="23"/>
    <n v="3"/>
    <n v="2025"/>
    <x v="9"/>
    <s v="Real Personal Property Taxes"/>
    <s v="Intercompany Billing"/>
    <s v="WV"/>
    <s v="99910"/>
    <n v="-224199"/>
    <s v=" "/>
    <s v=" "/>
    <s v="FINAN"/>
    <s v="G0001267"/>
    <s v="971"/>
    <s v="V"/>
    <s v="FANANDA"/>
    <s v="655"/>
    <s v=" "/>
    <s v="P"/>
    <s v="2025-04-02-03.57.48.457983"/>
    <n v="154"/>
    <s v="PRA"/>
    <s v="GLBATCH"/>
    <s v=" "/>
    <s v=" "/>
    <s v="Intercompany Billing"/>
  </r>
  <r>
    <x v="1"/>
    <x v="17"/>
    <x v="6"/>
    <n v="3"/>
    <n v="2025"/>
    <x v="9"/>
    <s v="Real Personal Property Taxes"/>
    <s v="NORMAL MONTHLY AMORTIZATIONS"/>
    <s v="WV"/>
    <s v="12139"/>
    <n v="224199"/>
    <s v=" "/>
    <s v=" "/>
    <s v="FINAN"/>
    <s v="G0001267"/>
    <s v="971"/>
    <s v="V"/>
    <s v="FANANDA"/>
    <s v="655"/>
    <s v=" "/>
    <s v="P"/>
    <s v="2025-04-01-09.53.28.558744"/>
    <n v="17"/>
    <s v="ONB"/>
    <s v="B10104P"/>
    <s v=" "/>
    <s v="REC"/>
    <s v="KYPCO WV 2024 OWNED-WV117"/>
  </r>
  <r>
    <x v="2"/>
    <x v="3"/>
    <x v="2"/>
    <n v="3"/>
    <n v="2024"/>
    <x v="9"/>
    <s v="Real Personal Property Taxes"/>
    <s v="NORMAL MONTHLY AMORTIZATIONS"/>
    <s v="KY"/>
    <s v="12139"/>
    <n v="599298"/>
    <s v=" "/>
    <s v=" "/>
    <s v="FINAN"/>
    <s v="G0000180"/>
    <s v="999"/>
    <s v="V"/>
    <s v="FANANDA"/>
    <s v="655"/>
    <s v=" "/>
    <s v="P"/>
    <s v="2024-04-01-13.51.18.192679"/>
    <n v="47"/>
    <s v="UPL"/>
    <s v="S375960"/>
    <s v=" "/>
    <s v="REC"/>
    <s v="KYPCO KY 2024 OWNED-KY180"/>
  </r>
  <r>
    <x v="0"/>
    <x v="4"/>
    <x v="2"/>
    <n v="4"/>
    <n v="2024"/>
    <x v="9"/>
    <s v="Real Personal Property Taxes"/>
    <s v="NORMAL MONTHLY AMORTIZATIONS"/>
    <s v="KY"/>
    <s v="12139"/>
    <n v="959733"/>
    <s v=" "/>
    <s v=" "/>
    <s v="FINAN"/>
    <s v="G0000110"/>
    <s v="999"/>
    <s v="V"/>
    <s v="FANANDA"/>
    <s v="655"/>
    <s v=" "/>
    <s v="P"/>
    <s v="2024-04-30-06.53.13.603509"/>
    <n v="3"/>
    <s v="UPL"/>
    <s v="S375960"/>
    <s v=" "/>
    <s v="REC"/>
    <s v="KYPCO KY 2024 OWNED-KY110"/>
  </r>
  <r>
    <x v="1"/>
    <x v="4"/>
    <x v="2"/>
    <n v="4"/>
    <n v="2024"/>
    <x v="9"/>
    <s v="Real Personal Property Taxes"/>
    <s v="NORMAL MONTHLY AMORTIZATIONS"/>
    <s v="KY"/>
    <s v="12139"/>
    <n v="179219"/>
    <s v=" "/>
    <s v=" "/>
    <s v="FINAN"/>
    <s v="G0001096"/>
    <s v="999"/>
    <s v="V"/>
    <s v="FANANDA"/>
    <s v="655"/>
    <s v=" "/>
    <s v="P"/>
    <s v="2024-04-30-06.53.16.434780"/>
    <n v="7"/>
    <s v="UPL"/>
    <s v="S375960"/>
    <s v=" "/>
    <s v="REC"/>
    <s v="KYPCO KY 2024 OWNED-KY117"/>
  </r>
  <r>
    <x v="1"/>
    <x v="18"/>
    <x v="6"/>
    <n v="4"/>
    <n v="2025"/>
    <x v="9"/>
    <s v="Real Personal Property Taxes"/>
    <s v="NORMAL MONTHLY AMORTIZATIONS"/>
    <s v="WV"/>
    <s v="12139"/>
    <n v="224199"/>
    <s v=" "/>
    <s v=" "/>
    <s v="FINAN"/>
    <s v="G0001267"/>
    <s v="971"/>
    <s v="V"/>
    <s v="FANANDA"/>
    <s v="655"/>
    <s v=" "/>
    <s v="P"/>
    <s v="2025-05-01-11.12.35.518579"/>
    <n v="17"/>
    <s v="UPL"/>
    <s v="S383448"/>
    <s v=" "/>
    <s v="REC"/>
    <s v="KYPCO WV 2024 OWNED WV117"/>
  </r>
  <r>
    <x v="1"/>
    <x v="18"/>
    <x v="24"/>
    <n v="4"/>
    <n v="2025"/>
    <x v="9"/>
    <s v="Real Personal Property Taxes"/>
    <s v="Mitchell Joint Facility"/>
    <s v="WV"/>
    <s v="13403"/>
    <n v="262522"/>
    <s v=" "/>
    <s v=" "/>
    <s v="FINAN"/>
    <s v="G0001267"/>
    <s v="971"/>
    <s v="V"/>
    <s v="FANANDA"/>
    <s v="655"/>
    <s v=" "/>
    <s v="P"/>
    <s v="2025-05-05-12.10.47.702133"/>
    <n v="18"/>
    <s v="GLA"/>
    <s v="GLBATCH"/>
    <s v=" "/>
    <s v=" "/>
    <s v="Mitchell Joint Facility"/>
  </r>
  <r>
    <x v="1"/>
    <x v="18"/>
    <x v="25"/>
    <n v="4"/>
    <n v="2025"/>
    <x v="9"/>
    <s v="Real Personal Property Taxes"/>
    <s v="Intercompany Billing"/>
    <s v="WV"/>
    <s v="99910"/>
    <n v="-224199"/>
    <s v=" "/>
    <s v=" "/>
    <s v="FINAN"/>
    <s v="G0001267"/>
    <s v="971"/>
    <s v="V"/>
    <s v="FANANDA"/>
    <s v="655"/>
    <s v=" "/>
    <s v="P"/>
    <s v="2025-05-01-23.31.33.996537"/>
    <n v="133"/>
    <s v="PRA"/>
    <s v="GLBATCH"/>
    <s v=" "/>
    <s v=" "/>
    <s v="Intercompany Billing"/>
  </r>
  <r>
    <x v="2"/>
    <x v="4"/>
    <x v="2"/>
    <n v="4"/>
    <n v="2024"/>
    <x v="9"/>
    <s v="Real Personal Property Taxes"/>
    <s v="NORMAL MONTHLY AMORTIZATIONS"/>
    <s v="KY"/>
    <s v="12139"/>
    <n v="599298"/>
    <s v=" "/>
    <s v=" "/>
    <s v="FINAN"/>
    <s v="G0000180"/>
    <s v="999"/>
    <s v="V"/>
    <s v="FANANDA"/>
    <s v="655"/>
    <s v=" "/>
    <s v="P"/>
    <s v="2024-04-30-06.53.29.560528"/>
    <n v="47"/>
    <s v="UPL"/>
    <s v="S375960"/>
    <s v=" "/>
    <s v="REC"/>
    <s v="KYPCO KY 2024 OWNED-KY180"/>
  </r>
  <r>
    <x v="0"/>
    <x v="5"/>
    <x v="2"/>
    <n v="5"/>
    <n v="2024"/>
    <x v="9"/>
    <s v="Real Personal Property Taxes"/>
    <s v="NORMAL MONTHLY AMORTIZATIONS"/>
    <s v="KY"/>
    <s v="12139"/>
    <n v="959733"/>
    <s v=" "/>
    <s v=" "/>
    <s v="FINAN"/>
    <s v="G0000110"/>
    <s v="999"/>
    <s v="V"/>
    <s v="FANANDA"/>
    <s v="655"/>
    <s v=" "/>
    <s v="P"/>
    <s v="2024-06-03-15.17.28.804972"/>
    <n v="3"/>
    <s v="UPL"/>
    <s v="S357656"/>
    <s v=" "/>
    <s v="REC"/>
    <s v="KYPCO KY 2024 OWNED-KY110"/>
  </r>
  <r>
    <x v="1"/>
    <x v="5"/>
    <x v="2"/>
    <n v="5"/>
    <n v="2024"/>
    <x v="9"/>
    <s v="Real Personal Property Taxes"/>
    <s v="NORMAL MONTHLY AMORTIZATIONS"/>
    <s v="KY"/>
    <s v="12139"/>
    <n v="179219"/>
    <s v=" "/>
    <s v=" "/>
    <s v="FINAN"/>
    <s v="G0001096"/>
    <s v="999"/>
    <s v="V"/>
    <s v="FANANDA"/>
    <s v="655"/>
    <s v=" "/>
    <s v="P"/>
    <s v="2024-06-03-15.17.31.206475"/>
    <n v="7"/>
    <s v="UPL"/>
    <s v="S357656"/>
    <s v=" "/>
    <s v="REC"/>
    <s v="KYPCO KY 2024 OWNED-KY117"/>
  </r>
  <r>
    <x v="1"/>
    <x v="19"/>
    <x v="26"/>
    <n v="5"/>
    <n v="2025"/>
    <x v="9"/>
    <s v="Real Personal Property Taxes"/>
    <s v="Mitchell Joint Facility"/>
    <s v="WV"/>
    <s v="13403"/>
    <n v="262522"/>
    <s v=" "/>
    <s v=" "/>
    <s v="FINAN"/>
    <s v="G0001267"/>
    <s v="971"/>
    <s v="V"/>
    <s v="FANANDA"/>
    <s v="655"/>
    <s v=" "/>
    <s v="P"/>
    <s v="2025-06-04-12.39.05.340536"/>
    <n v="22"/>
    <s v="GLA"/>
    <s v="GLBATCH"/>
    <s v=" "/>
    <s v=" "/>
    <s v="Mitchell Joint Facility"/>
  </r>
  <r>
    <x v="1"/>
    <x v="19"/>
    <x v="6"/>
    <n v="5"/>
    <n v="2025"/>
    <x v="9"/>
    <s v="Real Personal Property Taxes"/>
    <s v="NORMAL MONTHLY AMORTIZATIONS"/>
    <s v="WV"/>
    <s v="12139"/>
    <n v="224199"/>
    <s v=" "/>
    <s v=" "/>
    <s v="FINAN"/>
    <s v="G0001267"/>
    <s v="971"/>
    <s v="V"/>
    <s v="FANANDA"/>
    <s v="655"/>
    <s v=" "/>
    <s v="P"/>
    <s v="2025-06-02-11.23.43.580852"/>
    <n v="17"/>
    <s v="ONB"/>
    <s v="S375960"/>
    <s v=" "/>
    <s v="REC"/>
    <s v="KYPCO WV 2024 OWNED-WV117"/>
  </r>
  <r>
    <x v="1"/>
    <x v="19"/>
    <x v="27"/>
    <n v="5"/>
    <n v="2025"/>
    <x v="9"/>
    <s v="Real Personal Property Taxes"/>
    <s v="Intercompany Billing"/>
    <s v="WV"/>
    <s v="99910"/>
    <n v="-224199"/>
    <s v=" "/>
    <s v=" "/>
    <s v="FINAN"/>
    <s v="G0001267"/>
    <s v="971"/>
    <s v="V"/>
    <s v="FANANDA"/>
    <s v="655"/>
    <s v=" "/>
    <s v="P"/>
    <s v="2025-06-03-01.18.56.403883"/>
    <n v="162"/>
    <s v="PRA"/>
    <s v="GLBATCH"/>
    <s v=" "/>
    <s v=" "/>
    <s v="Intercompany Billing"/>
  </r>
  <r>
    <x v="2"/>
    <x v="5"/>
    <x v="2"/>
    <n v="5"/>
    <n v="2024"/>
    <x v="9"/>
    <s v="Real Personal Property Taxes"/>
    <s v="NORMAL MONTHLY AMORTIZATIONS"/>
    <s v="KY"/>
    <s v="12139"/>
    <n v="599298"/>
    <s v=" "/>
    <s v=" "/>
    <s v="FINAN"/>
    <s v="G0000180"/>
    <s v="999"/>
    <s v="V"/>
    <s v="FANANDA"/>
    <s v="655"/>
    <s v=" "/>
    <s v="P"/>
    <s v="2024-06-03-15.17.42.221853"/>
    <n v="47"/>
    <s v="UPL"/>
    <s v="S357656"/>
    <s v=" "/>
    <s v="REC"/>
    <s v="KYPCO KY 2024 OWNED-KY180"/>
  </r>
  <r>
    <x v="0"/>
    <x v="6"/>
    <x v="2"/>
    <n v="6"/>
    <n v="2024"/>
    <x v="9"/>
    <s v="Real Personal Property Taxes"/>
    <s v="NORMAL MONTHLY AMORTIZATIONS"/>
    <s v="KY"/>
    <s v="12139"/>
    <n v="959733"/>
    <s v=" "/>
    <s v=" "/>
    <s v="FINAN"/>
    <s v="G0000110"/>
    <s v="999"/>
    <s v="V"/>
    <s v="FANANDA"/>
    <s v="655"/>
    <s v=" "/>
    <s v="P"/>
    <s v="2024-07-01-15.10.53.120153"/>
    <n v="3"/>
    <s v="ONB"/>
    <s v="B10104P"/>
    <s v=" "/>
    <s v="REC"/>
    <s v="KYPCO KY 2024 OWNED-KY110"/>
  </r>
  <r>
    <x v="1"/>
    <x v="6"/>
    <x v="2"/>
    <n v="6"/>
    <n v="2024"/>
    <x v="9"/>
    <s v="Real Personal Property Taxes"/>
    <s v="NORMAL MONTHLY AMORTIZATIONS"/>
    <s v="KY"/>
    <s v="12139"/>
    <n v="179219"/>
    <s v=" "/>
    <s v=" "/>
    <s v="FINAN"/>
    <s v="G0001096"/>
    <s v="999"/>
    <s v="V"/>
    <s v="FANANDA"/>
    <s v="655"/>
    <s v=" "/>
    <s v="P"/>
    <s v="2024-07-01-15.10.55.844439"/>
    <n v="7"/>
    <s v="ONB"/>
    <s v="B10104P"/>
    <s v=" "/>
    <s v="REC"/>
    <s v="KYPCO KY 2024 OWNED-KY117"/>
  </r>
  <r>
    <x v="1"/>
    <x v="20"/>
    <x v="28"/>
    <n v="6"/>
    <n v="2025"/>
    <x v="9"/>
    <s v="Real Personal Property Taxes"/>
    <s v="Intercompany Billing"/>
    <s v="WV"/>
    <s v="99910"/>
    <n v="-224193.87"/>
    <s v=" "/>
    <s v=" "/>
    <s v="FINAN"/>
    <s v="G0001267"/>
    <s v="971"/>
    <s v="V"/>
    <s v="FANANDA"/>
    <s v="655"/>
    <s v=" "/>
    <s v="P"/>
    <s v="2025-07-02-03.16.27.544507"/>
    <n v="129"/>
    <s v="PRA"/>
    <s v="GLBATCH"/>
    <s v=" "/>
    <s v=" "/>
    <s v="Intercompany Billing"/>
  </r>
  <r>
    <x v="1"/>
    <x v="20"/>
    <x v="29"/>
    <n v="6"/>
    <n v="2025"/>
    <x v="9"/>
    <s v="Real Personal Property Taxes"/>
    <s v="Mitchell Joint Facility"/>
    <s v="WV"/>
    <s v="13403"/>
    <n v="262517.38"/>
    <s v=" "/>
    <s v=" "/>
    <s v="FINAN"/>
    <s v="G0001267"/>
    <s v="971"/>
    <s v="V"/>
    <s v="FANANDA"/>
    <s v="655"/>
    <s v=" "/>
    <s v="P"/>
    <s v="2025-07-03-12.28.29.004193"/>
    <n v="22"/>
    <s v="GLA"/>
    <s v="GLBATCH"/>
    <s v=" "/>
    <s v=" "/>
    <s v="Mitchell Joint Facility"/>
  </r>
  <r>
    <x v="1"/>
    <x v="20"/>
    <x v="6"/>
    <n v="6"/>
    <n v="2025"/>
    <x v="9"/>
    <s v="Real Personal Property Taxes"/>
    <s v="NORMAL MONTHLY AMORTIZATIONS"/>
    <s v="WV"/>
    <s v="12139"/>
    <n v="224193.87"/>
    <s v=" "/>
    <s v=" "/>
    <s v="FINAN"/>
    <s v="G0001267"/>
    <s v="971"/>
    <s v="V"/>
    <s v="FANANDA"/>
    <s v="655"/>
    <s v=" "/>
    <s v="P"/>
    <s v="2025-07-01-14.11.21.896950"/>
    <n v="17"/>
    <s v="ONB"/>
    <s v="B10104P"/>
    <s v=" "/>
    <s v="REC"/>
    <s v="KYPCO WV 2024 OWNED-WV117"/>
  </r>
  <r>
    <x v="2"/>
    <x v="6"/>
    <x v="2"/>
    <n v="6"/>
    <n v="2024"/>
    <x v="9"/>
    <s v="Real Personal Property Taxes"/>
    <s v="NORMAL MONTHLY AMORTIZATIONS"/>
    <s v="KY"/>
    <s v="12139"/>
    <n v="599298"/>
    <s v=" "/>
    <s v=" "/>
    <s v="FINAN"/>
    <s v="G0000180"/>
    <s v="999"/>
    <s v="V"/>
    <s v="FANANDA"/>
    <s v="655"/>
    <s v=" "/>
    <s v="P"/>
    <s v="2024-07-01-15.11.09.295145"/>
    <n v="47"/>
    <s v="ONB"/>
    <s v="B10104P"/>
    <s v=" "/>
    <s v="REC"/>
    <s v="KYPCO KY 2024 OWNED-KY180"/>
  </r>
  <r>
    <x v="0"/>
    <x v="7"/>
    <x v="2"/>
    <n v="7"/>
    <n v="2024"/>
    <x v="9"/>
    <s v="Real Personal Property Taxes"/>
    <s v="NORMAL MONTHLY AMORTIZATIONS"/>
    <s v="KY"/>
    <s v="12139"/>
    <n v="959733"/>
    <s v=" "/>
    <s v=" "/>
    <s v="FINAN"/>
    <s v="G0000110"/>
    <s v="999"/>
    <s v="V"/>
    <s v="FANANDA"/>
    <s v="655"/>
    <s v=" "/>
    <s v="P"/>
    <s v="2024-07-31-11.58.43.491745"/>
    <n v="3"/>
    <s v="ONB"/>
    <s v="B10104P"/>
    <s v=" "/>
    <s v="REC"/>
    <s v="KYPCO KY 2024 OWNED-KY110"/>
  </r>
  <r>
    <x v="0"/>
    <x v="7"/>
    <x v="6"/>
    <n v="7"/>
    <n v="2024"/>
    <x v="9"/>
    <s v="Real Personal Property Taxes"/>
    <s v="NORMAL MONTHLY AMORTIZATIONS"/>
    <s v="WV"/>
    <s v="12139"/>
    <n v="2030"/>
    <s v=" "/>
    <s v=" "/>
    <s v="FINAN"/>
    <s v="G0000110"/>
    <s v="999"/>
    <s v="V"/>
    <s v="FANANDA"/>
    <s v="655"/>
    <s v=" "/>
    <s v="P"/>
    <s v="2024-07-31-11.13.11.733532"/>
    <n v="9"/>
    <s v="ONB"/>
    <s v="B10104P"/>
    <s v=" "/>
    <s v="REC"/>
    <s v="KYPCO WV 2024 OWNED-WV110"/>
  </r>
  <r>
    <x v="1"/>
    <x v="7"/>
    <x v="2"/>
    <n v="7"/>
    <n v="2024"/>
    <x v="9"/>
    <s v="Real Personal Property Taxes"/>
    <s v="NORMAL MONTHLY AMORTIZATIONS"/>
    <s v="KY"/>
    <s v="12139"/>
    <n v="179219"/>
    <s v=" "/>
    <s v=" "/>
    <s v="FINAN"/>
    <s v="G0001096"/>
    <s v="999"/>
    <s v="V"/>
    <s v="FANANDA"/>
    <s v="655"/>
    <s v=" "/>
    <s v="P"/>
    <s v="2024-07-31-11.58.46.246661"/>
    <n v="7"/>
    <s v="ONB"/>
    <s v="B10104P"/>
    <s v=" "/>
    <s v="REC"/>
    <s v="KYPCO KY 2024 OWNED-KY117"/>
  </r>
  <r>
    <x v="1"/>
    <x v="7"/>
    <x v="6"/>
    <n v="7"/>
    <n v="2024"/>
    <x v="9"/>
    <s v="Real Personal Property Taxes"/>
    <s v="NORMAL MONTHLY AMORTIZATIONS"/>
    <s v="WV"/>
    <s v="12139"/>
    <n v="230217"/>
    <s v=" "/>
    <s v=" "/>
    <s v="FINAN"/>
    <s v="G0001267"/>
    <s v="971"/>
    <s v="V"/>
    <s v="FANANDA"/>
    <s v="655"/>
    <s v=" "/>
    <s v="P"/>
    <s v="2024-07-31-11.13.16.239940"/>
    <n v="21"/>
    <s v="ONB"/>
    <s v="B10104P"/>
    <s v=" "/>
    <s v="REC"/>
    <s v="KYPCO WV 2024 OWNED-WV117"/>
  </r>
  <r>
    <x v="1"/>
    <x v="7"/>
    <x v="3"/>
    <n v="7"/>
    <n v="2024"/>
    <x v="9"/>
    <s v="Real Personal Property Taxes"/>
    <s v="Mitchell Joint Facility"/>
    <s v="WV"/>
    <s v="13403"/>
    <n v="269060.5"/>
    <s v=" "/>
    <s v=" "/>
    <s v="FINAN"/>
    <s v="G0001267"/>
    <s v="971"/>
    <s v="V"/>
    <s v="FANANDA"/>
    <s v="655"/>
    <s v=" "/>
    <s v="P"/>
    <s v="2024-08-05-12.11.25.207792"/>
    <n v="21"/>
    <s v="GLA"/>
    <s v="GLBATCH"/>
    <s v=" "/>
    <s v=" "/>
    <s v="Mitchell Joint Facility"/>
  </r>
  <r>
    <x v="1"/>
    <x v="7"/>
    <x v="30"/>
    <n v="7"/>
    <n v="2024"/>
    <x v="9"/>
    <s v="Real Personal Property Taxes"/>
    <s v="Intercompany Billing"/>
    <s v="WV"/>
    <s v="99910"/>
    <n v="-230217"/>
    <s v=" "/>
    <s v=" "/>
    <s v="FINAN"/>
    <s v="G0001267"/>
    <s v="971"/>
    <s v="V"/>
    <s v="FANANDA"/>
    <s v="655"/>
    <s v=" "/>
    <s v="P"/>
    <s v="2024-08-02-00.15.19.729610"/>
    <n v="129"/>
    <s v="PRA"/>
    <s v="GLBATCH"/>
    <s v=" "/>
    <s v=" "/>
    <s v="Intercompany Billing"/>
  </r>
  <r>
    <x v="2"/>
    <x v="7"/>
    <x v="2"/>
    <n v="7"/>
    <n v="2024"/>
    <x v="9"/>
    <s v="Real Personal Property Taxes"/>
    <s v="NORMAL MONTHLY AMORTIZATIONS"/>
    <s v="KY"/>
    <s v="12139"/>
    <n v="599298"/>
    <s v=" "/>
    <s v=" "/>
    <s v="FINAN"/>
    <s v="G0000180"/>
    <s v="999"/>
    <s v="V"/>
    <s v="FANANDA"/>
    <s v="655"/>
    <s v=" "/>
    <s v="P"/>
    <s v="2024-07-31-11.58.56.180384"/>
    <n v="47"/>
    <s v="ONB"/>
    <s v="B10104P"/>
    <s v=" "/>
    <s v="REC"/>
    <s v="KYPCO KY 2024 OWNED-KY180"/>
  </r>
  <r>
    <x v="0"/>
    <x v="0"/>
    <x v="31"/>
    <n v="8"/>
    <n v="2024"/>
    <x v="9"/>
    <s v="Real Personal Property Taxes"/>
    <s v="CORRECTIONS TO CWIP CHARGES FR"/>
    <s v="KY"/>
    <s v="12139"/>
    <n v="305.57"/>
    <s v=" "/>
    <s v=" "/>
    <s v="FINAN"/>
    <s v="G0000110"/>
    <s v="999"/>
    <s v="V"/>
    <s v="FANANDA"/>
    <s v="655"/>
    <s v=" "/>
    <s v="P"/>
    <s v="2024-09-03-11.10.24.880164"/>
    <n v="2"/>
    <s v="ONB"/>
    <s v="B10104P"/>
    <s v=" "/>
    <s v="NONREC"/>
    <s v="KYPCO CWIP ENTRY REVERSAL"/>
  </r>
  <r>
    <x v="0"/>
    <x v="8"/>
    <x v="2"/>
    <n v="8"/>
    <n v="2024"/>
    <x v="9"/>
    <s v="Real Personal Property Taxes"/>
    <s v="NORMAL MONTHLY AMORTIZATIONS"/>
    <s v="KY"/>
    <s v="12139"/>
    <n v="959733"/>
    <s v=" "/>
    <s v=" "/>
    <s v="FINAN"/>
    <s v="G0000110"/>
    <s v="999"/>
    <s v="V"/>
    <s v="FANANDA"/>
    <s v="655"/>
    <s v=" "/>
    <s v="P"/>
    <s v="2024-09-03-13.41.31.522390"/>
    <n v="3"/>
    <s v="ONB"/>
    <s v="B10104P"/>
    <s v=" "/>
    <s v="REC"/>
    <s v="KYPCO KY 2024 OWNED-KY110"/>
  </r>
  <r>
    <x v="1"/>
    <x v="8"/>
    <x v="2"/>
    <n v="8"/>
    <n v="2024"/>
    <x v="9"/>
    <s v="Real Personal Property Taxes"/>
    <s v="NORMAL MONTHLY AMORTIZATIONS"/>
    <s v="KY"/>
    <s v="12139"/>
    <n v="179219"/>
    <s v=" "/>
    <s v=" "/>
    <s v="FINAN"/>
    <s v="G0001096"/>
    <s v="999"/>
    <s v="V"/>
    <s v="FANANDA"/>
    <s v="655"/>
    <s v=" "/>
    <s v="P"/>
    <s v="2024-09-03-13.41.34.891308"/>
    <n v="7"/>
    <s v="ONB"/>
    <s v="B10104P"/>
    <s v=" "/>
    <s v="REC"/>
    <s v="KYPCO KY 2024 OWNED-KY117"/>
  </r>
  <r>
    <x v="1"/>
    <x v="8"/>
    <x v="32"/>
    <n v="8"/>
    <n v="2024"/>
    <x v="9"/>
    <s v="Real Personal Property Taxes"/>
    <s v="Mitchell Joint Facility"/>
    <s v="WV"/>
    <s v="13403"/>
    <n v="269060.5"/>
    <s v=" "/>
    <s v=" "/>
    <s v="FINAN"/>
    <s v="G0001267"/>
    <s v="971"/>
    <s v="V"/>
    <s v="FANANDA"/>
    <s v="655"/>
    <s v=" "/>
    <s v="P"/>
    <s v="2024-09-05-12.34.06.934348"/>
    <n v="20"/>
    <s v="GLA"/>
    <s v="GLBATCH"/>
    <s v=" "/>
    <s v=" "/>
    <s v="Mitchell Joint Facility"/>
  </r>
  <r>
    <x v="1"/>
    <x v="8"/>
    <x v="33"/>
    <n v="8"/>
    <n v="2024"/>
    <x v="9"/>
    <s v="Real Personal Property Taxes"/>
    <s v="Intercompany Billing"/>
    <s v="WV"/>
    <s v="99910"/>
    <n v="-230217"/>
    <s v=" "/>
    <s v=" "/>
    <s v="FINAN"/>
    <s v="G0001267"/>
    <s v="971"/>
    <s v="V"/>
    <s v="FANANDA"/>
    <s v="655"/>
    <s v=" "/>
    <s v="P"/>
    <s v="2024-09-04-00.43.30.471615"/>
    <n v="116"/>
    <s v="PRA"/>
    <s v="GLBATCH"/>
    <s v=" "/>
    <s v=" "/>
    <s v="Intercompany Billing"/>
  </r>
  <r>
    <x v="1"/>
    <x v="8"/>
    <x v="6"/>
    <n v="8"/>
    <n v="2024"/>
    <x v="9"/>
    <s v="Real Personal Property Taxes"/>
    <s v="NORMAL MONTHLY AMORTIZATIONS"/>
    <s v="WV"/>
    <s v="12139"/>
    <n v="230217"/>
    <s v=" "/>
    <s v=" "/>
    <s v="FINAN"/>
    <s v="G0001267"/>
    <s v="971"/>
    <s v="V"/>
    <s v="FANANDA"/>
    <s v="655"/>
    <s v=" "/>
    <s v="P"/>
    <s v="2024-09-03-12.31.29.661472"/>
    <n v="19"/>
    <s v="ONB"/>
    <s v="B10104P"/>
    <s v=" "/>
    <s v="REC"/>
    <s v="KYPCO WV 2024 OWNED-WV117"/>
  </r>
  <r>
    <x v="2"/>
    <x v="8"/>
    <x v="2"/>
    <n v="8"/>
    <n v="2024"/>
    <x v="9"/>
    <s v="Real Personal Property Taxes"/>
    <s v="NORMAL MONTHLY AMORTIZATIONS"/>
    <s v="KY"/>
    <s v="12139"/>
    <n v="599298"/>
    <s v=" "/>
    <s v=" "/>
    <s v="FINAN"/>
    <s v="G0000180"/>
    <s v="999"/>
    <s v="V"/>
    <s v="FANANDA"/>
    <s v="655"/>
    <s v=" "/>
    <s v="P"/>
    <s v="2024-09-03-13.41.54.132138"/>
    <n v="47"/>
    <s v="ONB"/>
    <s v="B10104P"/>
    <s v=" "/>
    <s v="REC"/>
    <s v="KYPCO KY 2024 OWNED-KY180"/>
  </r>
  <r>
    <x v="0"/>
    <x v="25"/>
    <x v="6"/>
    <n v="9"/>
    <n v="2024"/>
    <x v="9"/>
    <s v="Real Personal Property Taxes"/>
    <s v="KYPCo WV TY2024 AMT adj based"/>
    <s v="WV"/>
    <s v="12139"/>
    <n v="-51.36"/>
    <s v=" "/>
    <s v=" "/>
    <s v="FINAN"/>
    <s v="G0000110"/>
    <s v="999"/>
    <s v="V"/>
    <s v="FANANDA"/>
    <s v="655"/>
    <s v=" "/>
    <s v="P"/>
    <s v="2024-10-02-12.35.01.127213"/>
    <n v="1"/>
    <s v="UPL"/>
    <s v="S380187"/>
    <s v=" "/>
    <s v="NONREC"/>
    <s v="TY24 AMT ADJ-UTILITY"/>
  </r>
  <r>
    <x v="0"/>
    <x v="9"/>
    <x v="2"/>
    <n v="9"/>
    <n v="2024"/>
    <x v="9"/>
    <s v="Real Personal Property Taxes"/>
    <s v="NORMAL MONTHLY AMORTIZATIONS"/>
    <s v="KY"/>
    <s v="12139"/>
    <n v="959733"/>
    <s v=" "/>
    <s v=" "/>
    <s v="FINAN"/>
    <s v="G0000110"/>
    <s v="999"/>
    <s v="V"/>
    <s v="FANANDA"/>
    <s v="655"/>
    <s v=" "/>
    <s v="P"/>
    <s v="2024-09-30-15.34.07.239425"/>
    <n v="3"/>
    <s v="ONB"/>
    <s v="B10104P"/>
    <s v=" "/>
    <s v="REC"/>
    <s v="KYPCO KY 2024 OWNED-KY110"/>
  </r>
  <r>
    <x v="1"/>
    <x v="25"/>
    <x v="6"/>
    <n v="9"/>
    <n v="2024"/>
    <x v="9"/>
    <s v="Real Personal Property Taxes"/>
    <s v="KYPCo WV TY2024 AMT adj based"/>
    <s v="WV"/>
    <s v="12139"/>
    <n v="-12036.62"/>
    <s v=" "/>
    <s v=" "/>
    <s v="FINAN"/>
    <s v="G0000117"/>
    <s v="999"/>
    <s v="V"/>
    <s v="FANANDA"/>
    <s v="655"/>
    <s v=" "/>
    <s v="P"/>
    <s v="2024-10-02-12.35.04.260552"/>
    <n v="3"/>
    <s v="UPL"/>
    <s v="S380187"/>
    <s v=" "/>
    <s v="NONREC"/>
    <s v="TY24 AMT ADJ-UTILITY"/>
  </r>
  <r>
    <x v="1"/>
    <x v="9"/>
    <x v="2"/>
    <n v="9"/>
    <n v="2024"/>
    <x v="9"/>
    <s v="Real Personal Property Taxes"/>
    <s v="NORMAL MONTHLY AMORTIZATIONS"/>
    <s v="KY"/>
    <s v="12139"/>
    <n v="179219"/>
    <s v=" "/>
    <s v=" "/>
    <s v="FINAN"/>
    <s v="G0001096"/>
    <s v="999"/>
    <s v="V"/>
    <s v="FANANDA"/>
    <s v="655"/>
    <s v=" "/>
    <s v="P"/>
    <s v="2024-09-30-15.34.11.195720"/>
    <n v="7"/>
    <s v="ONB"/>
    <s v="B10104P"/>
    <s v=" "/>
    <s v="REC"/>
    <s v="KYPCO KY 2024 OWNED-KY117"/>
  </r>
  <r>
    <x v="1"/>
    <x v="9"/>
    <x v="34"/>
    <n v="9"/>
    <n v="2024"/>
    <x v="9"/>
    <s v="Real Personal Property Taxes"/>
    <s v="Mitchell Joint Facility"/>
    <s v="WV"/>
    <s v="13403"/>
    <n v="262522"/>
    <s v=" "/>
    <s v=" "/>
    <s v="FINAN"/>
    <s v="G0001267"/>
    <s v="971"/>
    <s v="V"/>
    <s v="FANANDA"/>
    <s v="655"/>
    <s v=" "/>
    <s v="P"/>
    <s v="2024-10-03-12.15.53.328118"/>
    <n v="22"/>
    <s v="GLA"/>
    <s v="GLBATCH"/>
    <s v=" "/>
    <s v=" "/>
    <s v="Mitchell Joint Facility"/>
  </r>
  <r>
    <x v="1"/>
    <x v="9"/>
    <x v="35"/>
    <n v="9"/>
    <n v="2024"/>
    <x v="9"/>
    <s v="Real Personal Property Taxes"/>
    <s v="Intercompany Billing"/>
    <s v="WV"/>
    <s v="99910"/>
    <n v="-224199"/>
    <s v=" "/>
    <s v=" "/>
    <s v="FINAN"/>
    <s v="G0001267"/>
    <s v="971"/>
    <s v="V"/>
    <s v="FANANDA"/>
    <s v="655"/>
    <s v=" "/>
    <s v="P"/>
    <s v="2024-10-02-01.29.07.194377"/>
    <n v="110"/>
    <s v="PRA"/>
    <s v="GLBATCH"/>
    <s v=" "/>
    <s v=" "/>
    <s v="Intercompany Billing"/>
  </r>
  <r>
    <x v="1"/>
    <x v="9"/>
    <x v="6"/>
    <n v="9"/>
    <n v="2024"/>
    <x v="9"/>
    <s v="Real Personal Property Taxes"/>
    <s v="NORMAL MONTHLY AMORTIZATIONS"/>
    <s v="WV"/>
    <s v="12139"/>
    <n v="224199"/>
    <s v=" "/>
    <s v=" "/>
    <s v="FINAN"/>
    <s v="G0001267"/>
    <s v="971"/>
    <s v="V"/>
    <s v="FANANDA"/>
    <s v="655"/>
    <s v=" "/>
    <s v="P"/>
    <s v="2024-10-01-13.57.16.643246"/>
    <n v="19"/>
    <s v="ONB"/>
    <s v="S347776"/>
    <s v=" "/>
    <s v="REC"/>
    <s v="KYPCO WV 2024 OWNED-WV117"/>
  </r>
  <r>
    <x v="2"/>
    <x v="9"/>
    <x v="2"/>
    <n v="9"/>
    <n v="2024"/>
    <x v="9"/>
    <s v="Real Personal Property Taxes"/>
    <s v="NORMAL MONTHLY AMORTIZATIONS"/>
    <s v="KY"/>
    <s v="12139"/>
    <n v="599298"/>
    <s v=" "/>
    <s v=" "/>
    <s v="FINAN"/>
    <s v="G0000180"/>
    <s v="999"/>
    <s v="V"/>
    <s v="FANANDA"/>
    <s v="655"/>
    <s v=" "/>
    <s v="P"/>
    <s v="2024-09-30-15.34.30.402456"/>
    <n v="47"/>
    <s v="ONB"/>
    <s v="B10104P"/>
    <s v=" "/>
    <s v="REC"/>
    <s v="KYPCO KY 2024 OWNED-KY180"/>
  </r>
  <r>
    <x v="0"/>
    <x v="10"/>
    <x v="2"/>
    <n v="10"/>
    <n v="2024"/>
    <x v="9"/>
    <s v="Real Personal Property Taxes"/>
    <s v="NORMAL MONTHLY AMORTIZATIONS"/>
    <s v="KY"/>
    <s v="12139"/>
    <n v="959733"/>
    <s v=" "/>
    <s v=" "/>
    <s v="FINAN"/>
    <s v="G0000110"/>
    <s v="999"/>
    <s v="V"/>
    <s v="FANANDA"/>
    <s v="655"/>
    <s v=" "/>
    <s v="P"/>
    <s v="2024-11-01-12.33.15.515970"/>
    <n v="3"/>
    <s v="ONB"/>
    <s v="B10104P"/>
    <s v=" "/>
    <s v="REC"/>
    <s v="KYPCO KY 2024 OWNED-KY110"/>
  </r>
  <r>
    <x v="1"/>
    <x v="10"/>
    <x v="2"/>
    <n v="10"/>
    <n v="2024"/>
    <x v="9"/>
    <s v="Real Personal Property Taxes"/>
    <s v="NORMAL MONTHLY AMORTIZATIONS"/>
    <s v="KY"/>
    <s v="12139"/>
    <n v="179219"/>
    <s v=" "/>
    <s v=" "/>
    <s v="FINAN"/>
    <s v="G0001096"/>
    <s v="999"/>
    <s v="V"/>
    <s v="FANANDA"/>
    <s v="655"/>
    <s v=" "/>
    <s v="P"/>
    <s v="2024-11-01-12.33.18.916611"/>
    <n v="7"/>
    <s v="ONB"/>
    <s v="B10104P"/>
    <s v=" "/>
    <s v="REC"/>
    <s v="KYPCO KY 2024 OWNED-KY117"/>
  </r>
  <r>
    <x v="1"/>
    <x v="10"/>
    <x v="36"/>
    <n v="10"/>
    <n v="2024"/>
    <x v="9"/>
    <s v="Real Personal Property Taxes"/>
    <s v="Mitchell Joint Facility"/>
    <s v="WV"/>
    <s v="13403"/>
    <n v="262522"/>
    <s v=" "/>
    <s v=" "/>
    <s v="FINAN"/>
    <s v="G0001267"/>
    <s v="971"/>
    <s v="V"/>
    <s v="FANANDA"/>
    <s v="655"/>
    <s v=" "/>
    <s v="P"/>
    <s v="2024-11-05-12.04.36.985693"/>
    <n v="20"/>
    <s v="GLA"/>
    <s v="GLBATCH"/>
    <s v=" "/>
    <s v=" "/>
    <s v="Mitchell Joint Facility"/>
  </r>
  <r>
    <x v="1"/>
    <x v="10"/>
    <x v="37"/>
    <n v="10"/>
    <n v="2024"/>
    <x v="9"/>
    <s v="Real Personal Property Taxes"/>
    <s v="Intercompany Billing"/>
    <s v="WV"/>
    <s v="99910"/>
    <n v="-224199"/>
    <s v=" "/>
    <s v=" "/>
    <s v="FINAN"/>
    <s v="G0001267"/>
    <s v="971"/>
    <s v="V"/>
    <s v="FANANDA"/>
    <s v="655"/>
    <s v=" "/>
    <s v="P"/>
    <s v="2024-11-02-02.58.10.750320"/>
    <n v="129"/>
    <s v="PRA"/>
    <s v="GLBATCH"/>
    <s v=" "/>
    <s v=" "/>
    <s v="Intercompany Billing"/>
  </r>
  <r>
    <x v="1"/>
    <x v="10"/>
    <x v="6"/>
    <n v="10"/>
    <n v="2024"/>
    <x v="9"/>
    <s v="Real Personal Property Taxes"/>
    <s v="NORMAL MONTHLY AMORTIZATIONS"/>
    <s v="WV"/>
    <s v="12139"/>
    <n v="224199"/>
    <s v=" "/>
    <s v=" "/>
    <s v="FINAN"/>
    <s v="G0001267"/>
    <s v="971"/>
    <s v="V"/>
    <s v="FANANDA"/>
    <s v="655"/>
    <s v=" "/>
    <s v="P"/>
    <s v="2024-10-30-06.23.59.237955"/>
    <n v="19"/>
    <s v="ONB"/>
    <s v="S347776"/>
    <s v=" "/>
    <s v="REC"/>
    <s v="KYPCO WV 2024 OWNED-WV117"/>
  </r>
  <r>
    <x v="2"/>
    <x v="10"/>
    <x v="2"/>
    <n v="10"/>
    <n v="2024"/>
    <x v="9"/>
    <s v="Real Personal Property Taxes"/>
    <s v="NORMAL MONTHLY AMORTIZATIONS"/>
    <s v="KY"/>
    <s v="12139"/>
    <n v="599298"/>
    <s v=" "/>
    <s v=" "/>
    <s v="FINAN"/>
    <s v="G0000180"/>
    <s v="999"/>
    <s v="V"/>
    <s v="FANANDA"/>
    <s v="655"/>
    <s v=" "/>
    <s v="P"/>
    <s v="2024-11-01-12.33.36.509667"/>
    <n v="47"/>
    <s v="ONB"/>
    <s v="B10104P"/>
    <s v=" "/>
    <s v="REC"/>
    <s v="KYPCO KY 2024 OWNED-KY180"/>
  </r>
  <r>
    <x v="0"/>
    <x v="11"/>
    <x v="2"/>
    <n v="11"/>
    <n v="2024"/>
    <x v="9"/>
    <s v="Real Personal Property Taxes"/>
    <s v="NORMAL MONTHLY AMORTIZATIONS"/>
    <s v="KY"/>
    <s v="12139"/>
    <n v="959733"/>
    <s v=" "/>
    <s v=" "/>
    <s v="FINAN"/>
    <s v="G0000110"/>
    <s v="999"/>
    <s v="V"/>
    <s v="FANANDA"/>
    <s v="655"/>
    <s v=" "/>
    <s v="P"/>
    <s v="2024-11-28-08.17.07.416032"/>
    <n v="3"/>
    <s v="ONB"/>
    <s v="B10104P"/>
    <s v=" "/>
    <s v="REC"/>
    <s v="KYPCO KY 2024 OWNED-KY110"/>
  </r>
  <r>
    <x v="1"/>
    <x v="11"/>
    <x v="2"/>
    <n v="11"/>
    <n v="2024"/>
    <x v="9"/>
    <s v="Real Personal Property Taxes"/>
    <s v="NORMAL MONTHLY AMORTIZATIONS"/>
    <s v="KY"/>
    <s v="12139"/>
    <n v="179219"/>
    <s v=" "/>
    <s v=" "/>
    <s v="FINAN"/>
    <s v="G0001096"/>
    <s v="999"/>
    <s v="V"/>
    <s v="FANANDA"/>
    <s v="655"/>
    <s v=" "/>
    <s v="P"/>
    <s v="2024-11-28-08.17.10.606672"/>
    <n v="7"/>
    <s v="ONB"/>
    <s v="B10104P"/>
    <s v=" "/>
    <s v="REC"/>
    <s v="KYPCO KY 2024 OWNED-KY117"/>
  </r>
  <r>
    <x v="1"/>
    <x v="11"/>
    <x v="6"/>
    <n v="11"/>
    <n v="2024"/>
    <x v="9"/>
    <s v="Real Personal Property Taxes"/>
    <s v="NORMAL MONTHLY AMORTIZATIONS"/>
    <s v="WV"/>
    <s v="12139"/>
    <n v="224199"/>
    <s v=" "/>
    <s v=" "/>
    <s v="FINAN"/>
    <s v="G0001267"/>
    <s v="971"/>
    <s v="V"/>
    <s v="FANANDA"/>
    <s v="655"/>
    <s v=" "/>
    <s v="P"/>
    <s v="2024-11-25-04.38.51.686113"/>
    <n v="19"/>
    <s v="ONB"/>
    <s v="B10104P"/>
    <s v=" "/>
    <s v="REC"/>
    <s v="KYPCO WV 2024 OWNED-WV117"/>
  </r>
  <r>
    <x v="1"/>
    <x v="11"/>
    <x v="38"/>
    <n v="11"/>
    <n v="2024"/>
    <x v="9"/>
    <s v="Real Personal Property Taxes"/>
    <s v="Intercompany Billing"/>
    <s v="WV"/>
    <s v="99910"/>
    <n v="-224199"/>
    <s v=" "/>
    <s v=" "/>
    <s v="FINAN"/>
    <s v="G0001267"/>
    <s v="971"/>
    <s v="V"/>
    <s v="FANANDA"/>
    <s v="655"/>
    <s v=" "/>
    <s v="P"/>
    <s v="2024-12-03-00.37.44.238494"/>
    <n v="139"/>
    <s v="PRA"/>
    <s v="GLBATCH"/>
    <s v=" "/>
    <s v=" "/>
    <s v="Intercompany Billing"/>
  </r>
  <r>
    <x v="1"/>
    <x v="11"/>
    <x v="39"/>
    <n v="11"/>
    <n v="2024"/>
    <x v="9"/>
    <s v="Real Personal Property Taxes"/>
    <s v="Mitchell Joint Facility"/>
    <s v="WV"/>
    <s v="13403"/>
    <n v="262522"/>
    <s v=" "/>
    <s v=" "/>
    <s v="FINAN"/>
    <s v="G0001267"/>
    <s v="971"/>
    <s v="V"/>
    <s v="FANANDA"/>
    <s v="655"/>
    <s v=" "/>
    <s v="P"/>
    <s v="2024-12-04-12.26.16.742638"/>
    <n v="21"/>
    <s v="GLA"/>
    <s v="GLBATCH"/>
    <s v=" "/>
    <s v=" "/>
    <s v="Mitchell Joint Facility"/>
  </r>
  <r>
    <x v="2"/>
    <x v="11"/>
    <x v="2"/>
    <n v="11"/>
    <n v="2024"/>
    <x v="9"/>
    <s v="Real Personal Property Taxes"/>
    <s v="NORMAL MONTHLY AMORTIZATIONS"/>
    <s v="KY"/>
    <s v="12139"/>
    <n v="599298"/>
    <s v=" "/>
    <s v=" "/>
    <s v="FINAN"/>
    <s v="G0000180"/>
    <s v="999"/>
    <s v="V"/>
    <s v="FANANDA"/>
    <s v="655"/>
    <s v=" "/>
    <s v="P"/>
    <s v="2024-11-28-08.17.22.373733"/>
    <n v="47"/>
    <s v="ONB"/>
    <s v="B10104P"/>
    <s v=" "/>
    <s v="REC"/>
    <s v="KYPCO KY 2024 OWNED-KY180"/>
  </r>
  <r>
    <x v="0"/>
    <x v="13"/>
    <x v="2"/>
    <n v="12"/>
    <n v="2024"/>
    <x v="9"/>
    <s v="Real Personal Property Taxes"/>
    <s v="NORMAL MONTHLY AMORTIZATIONS"/>
    <s v="KY"/>
    <s v="12139"/>
    <n v="959729.96"/>
    <s v=" "/>
    <s v=" "/>
    <s v="FINAN"/>
    <s v="G0000110"/>
    <s v="999"/>
    <s v="V"/>
    <s v="FANANDA"/>
    <s v="655"/>
    <s v=" "/>
    <s v="P"/>
    <s v="2024-12-20-13.08.43.955432"/>
    <n v="3"/>
    <s v="ONB"/>
    <s v="B10104P"/>
    <s v=" "/>
    <s v="REC"/>
    <s v="KYPCO KY 2024 OWNED-KY110"/>
  </r>
  <r>
    <x v="0"/>
    <x v="21"/>
    <x v="2"/>
    <n v="12"/>
    <n v="2024"/>
    <x v="9"/>
    <s v="Real Personal Property Taxes"/>
    <s v="ADJUST TY2024 AMT BASED ON SET"/>
    <s v="KY"/>
    <s v="12139"/>
    <n v="-3581708"/>
    <s v=" "/>
    <s v=" "/>
    <s v="FINAN"/>
    <s v="G0000110"/>
    <s v="999"/>
    <s v="V"/>
    <s v="FANANDA"/>
    <s v="655"/>
    <s v=" "/>
    <s v="P"/>
    <s v="2025-01-02-11.10.05.871346"/>
    <n v="1"/>
    <s v="ONB"/>
    <s v="B10104P"/>
    <s v=" "/>
    <s v="NONREC"/>
    <s v="KYPCO KY 2024 OWNED-KY110"/>
  </r>
  <r>
    <x v="1"/>
    <x v="21"/>
    <x v="2"/>
    <n v="12"/>
    <n v="2024"/>
    <x v="9"/>
    <s v="Real Personal Property Taxes"/>
    <s v="ADJUST TY2024 AMT BASED ON SET"/>
    <s v="KY"/>
    <s v="12139"/>
    <n v="-644275"/>
    <s v=" "/>
    <s v=" "/>
    <s v="FINAN"/>
    <s v="G0001096"/>
    <s v="999"/>
    <s v="V"/>
    <s v="FANANDA"/>
    <s v="655"/>
    <s v=" "/>
    <s v="P"/>
    <s v="2025-01-02-11.10.09.254439"/>
    <n v="3"/>
    <s v="ONB"/>
    <s v="B10104P"/>
    <s v=" "/>
    <s v="NONREC"/>
    <s v="KYPCO KY 2024 OWNED-KY117"/>
  </r>
  <r>
    <x v="1"/>
    <x v="13"/>
    <x v="2"/>
    <n v="12"/>
    <n v="2024"/>
    <x v="9"/>
    <s v="Real Personal Property Taxes"/>
    <s v="NORMAL MONTHLY AMORTIZATIONS"/>
    <s v="KY"/>
    <s v="12139"/>
    <n v="179218"/>
    <s v=" "/>
    <s v=" "/>
    <s v="FINAN"/>
    <s v="G0001096"/>
    <s v="999"/>
    <s v="V"/>
    <s v="FANANDA"/>
    <s v="655"/>
    <s v=" "/>
    <s v="P"/>
    <s v="2024-12-20-13.08.47.278741"/>
    <n v="7"/>
    <s v="ONB"/>
    <s v="B10104P"/>
    <s v=" "/>
    <s v="REC"/>
    <s v="KYPCO KY 2024 OWNED-KY117"/>
  </r>
  <r>
    <x v="1"/>
    <x v="13"/>
    <x v="40"/>
    <n v="12"/>
    <n v="2024"/>
    <x v="9"/>
    <s v="Real Personal Property Taxes"/>
    <s v="Mitchell Joint Facility"/>
    <s v="WV"/>
    <s v="13403"/>
    <n v="262522"/>
    <s v=" "/>
    <s v=" "/>
    <s v="FINAN"/>
    <s v="G0001267"/>
    <s v="971"/>
    <s v="V"/>
    <s v="FANANDA"/>
    <s v="655"/>
    <s v=" "/>
    <s v="P"/>
    <s v="2025-01-04-12.31.21.491255"/>
    <n v="22"/>
    <s v="GLA"/>
    <s v="GLBATCH"/>
    <s v=" "/>
    <s v=" "/>
    <s v="Mitchell Joint Facility"/>
  </r>
  <r>
    <x v="1"/>
    <x v="13"/>
    <x v="41"/>
    <n v="12"/>
    <n v="2024"/>
    <x v="9"/>
    <s v="Real Personal Property Taxes"/>
    <s v="Intercompany Billing"/>
    <s v="WV"/>
    <s v="99910"/>
    <n v="-224199"/>
    <s v=" "/>
    <s v=" "/>
    <s v="FINAN"/>
    <s v="G0001267"/>
    <s v="971"/>
    <s v="V"/>
    <s v="FANANDA"/>
    <s v="655"/>
    <s v=" "/>
    <s v="P"/>
    <s v="2025-01-03-01.55.58.110274"/>
    <n v="120"/>
    <s v="PRA"/>
    <s v="GLBATCH"/>
    <s v=" "/>
    <s v=" "/>
    <s v="Intercompany Billing"/>
  </r>
  <r>
    <x v="1"/>
    <x v="13"/>
    <x v="6"/>
    <n v="12"/>
    <n v="2024"/>
    <x v="9"/>
    <s v="Real Personal Property Taxes"/>
    <s v="NORMAL MONTHLY AMORTIZATIONS"/>
    <s v="WV"/>
    <s v="12139"/>
    <n v="224199"/>
    <s v=" "/>
    <s v=" "/>
    <s v="FINAN"/>
    <s v="G0001267"/>
    <s v="971"/>
    <s v="V"/>
    <s v="FANANDA"/>
    <s v="655"/>
    <s v=" "/>
    <s v="P"/>
    <s v="2024-12-20-13.31.55.421015"/>
    <n v="19"/>
    <s v="ONB"/>
    <s v="B10104P"/>
    <s v=" "/>
    <s v="REC"/>
    <s v="KYPCO WV 2024 OWNED-WV117"/>
  </r>
  <r>
    <x v="2"/>
    <x v="21"/>
    <x v="2"/>
    <n v="12"/>
    <n v="2024"/>
    <x v="9"/>
    <s v="Real Personal Property Taxes"/>
    <s v="ADJUST TY2024 AMT BASED ON SET"/>
    <s v="KY"/>
    <s v="12139"/>
    <n v="-2433534"/>
    <s v=" "/>
    <s v=" "/>
    <s v="FINAN"/>
    <s v="G0000180"/>
    <s v="999"/>
    <s v="V"/>
    <s v="FANANDA"/>
    <s v="655"/>
    <s v=" "/>
    <s v="P"/>
    <s v="2025-01-02-11.10.12.597387"/>
    <n v="5"/>
    <s v="ONB"/>
    <s v="B10104P"/>
    <s v=" "/>
    <s v="NONREC"/>
    <s v="KYPCO KY 2024 OWNED-KY180"/>
  </r>
  <r>
    <x v="2"/>
    <x v="13"/>
    <x v="2"/>
    <n v="12"/>
    <n v="2024"/>
    <x v="9"/>
    <s v="Real Personal Property Taxes"/>
    <s v="NORMAL MONTHLY AMORTIZATIONS"/>
    <s v="KY"/>
    <s v="12139"/>
    <n v="599302.01"/>
    <s v=" "/>
    <s v=" "/>
    <s v="FINAN"/>
    <s v="G0000180"/>
    <s v="999"/>
    <s v="V"/>
    <s v="FANANDA"/>
    <s v="655"/>
    <s v=" "/>
    <s v="P"/>
    <s v="2024-12-20-13.09.03.869517"/>
    <n v="47"/>
    <s v="ONB"/>
    <s v="B10104P"/>
    <s v=" "/>
    <s v="REC"/>
    <s v="KYPCO KY 2024 OWNED-KY180"/>
  </r>
  <r>
    <x v="1"/>
    <x v="9"/>
    <x v="34"/>
    <n v="9"/>
    <n v="2024"/>
    <x v="10"/>
    <s v="Real-Pers Prop Tax-Cap Leases"/>
    <s v="Mitchell Joint Facility"/>
    <s v="WV"/>
    <s v="13403"/>
    <n v="-832.23"/>
    <s v=" "/>
    <s v=" "/>
    <s v="FINAN"/>
    <s v="G0000413"/>
    <s v="920"/>
    <s v="V"/>
    <s v="FANANDA"/>
    <s v="655"/>
    <s v=" "/>
    <s v="P"/>
    <s v="2024-10-03-12.15.53.328118"/>
    <n v="14"/>
    <s v="GLA"/>
    <s v="GLBATCH"/>
    <s v=" "/>
    <s v=" "/>
    <s v="Mitchell Joint Facility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B4B40131-1971-4A5F-93B4-70CFBDC3572E}" name="PivotTable1" cacheId="0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outline="1" outlineData="1" multipleFieldFilters="0">
  <location ref="A3:G58" firstHeaderRow="1" firstDataRow="2" firstDataCol="3"/>
  <pivotFields count="28">
    <pivotField axis="axisCol" showAll="0">
      <items count="4">
        <item x="0"/>
        <item x="1"/>
        <item x="2"/>
        <item t="default"/>
      </items>
    </pivotField>
    <pivotField axis="axisRow" numFmtId="14" outline="0" showAll="0" defaultSubtotal="0">
      <items count="51">
        <item x="0"/>
        <item h="1" x="1"/>
        <item h="1" x="2"/>
        <item h="1" x="3"/>
        <item h="1" x="4"/>
        <item h="1"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m="1" x="26"/>
        <item h="1" m="1" x="27"/>
        <item h="1" m="1" x="28"/>
        <item h="1" m="1" x="29"/>
        <item h="1" m="1" x="30"/>
        <item h="1" m="1" x="31"/>
        <item h="1" m="1" x="32"/>
        <item m="1" x="33"/>
        <item m="1" x="34"/>
        <item m="1" x="35"/>
        <item m="1" x="36"/>
        <item m="1" x="37"/>
        <item m="1" x="38"/>
        <item m="1" x="39"/>
        <item m="1" x="40"/>
        <item h="1" m="1" x="41"/>
        <item h="1" m="1" x="42"/>
        <item h="1" m="1" x="43"/>
        <item h="1" m="1" x="44"/>
        <item h="1" m="1" x="45"/>
        <item m="1" x="46"/>
        <item h="1" m="1" x="47"/>
        <item m="1" x="48"/>
        <item m="1" x="49"/>
        <item m="1" x="50"/>
        <item x="19"/>
        <item h="1" x="20"/>
        <item x="21"/>
        <item h="1" x="22"/>
        <item h="1" x="23"/>
        <item x="24"/>
        <item x="25"/>
      </items>
    </pivotField>
    <pivotField axis="axisRow" outline="0" showAll="0" defaultSubtotal="0">
      <items count="42">
        <item x="0"/>
        <item h="1" x="31"/>
        <item x="2"/>
        <item h="1" x="6"/>
        <item x="1"/>
        <item h="1" x="3"/>
        <item h="1" x="4"/>
        <item h="1" x="5"/>
        <item h="1" x="7"/>
        <item h="1" x="8"/>
        <item h="1" x="9"/>
        <item h="1" x="10"/>
        <item h="1" x="11"/>
        <item h="1" x="12"/>
        <item h="1" x="13"/>
        <item h="1" x="14"/>
        <item h="1" x="15"/>
        <item h="1" x="16"/>
        <item h="1" x="17"/>
        <item h="1" x="18"/>
        <item h="1" x="19"/>
        <item h="1" x="20"/>
        <item h="1" x="21"/>
        <item h="1" x="22"/>
        <item h="1" x="23"/>
        <item h="1" x="24"/>
        <item h="1" x="25"/>
        <item h="1" x="26"/>
        <item h="1" x="27"/>
        <item h="1" x="28"/>
        <item h="1" x="29"/>
        <item h="1" x="30"/>
        <item h="1" x="32"/>
        <item h="1" x="33"/>
        <item h="1" x="34"/>
        <item h="1" x="35"/>
        <item h="1" x="36"/>
        <item h="1" x="37"/>
        <item h="1" x="38"/>
        <item h="1" x="39"/>
        <item h="1" x="40"/>
        <item h="1" x="41"/>
      </items>
    </pivotField>
    <pivotField showAll="0"/>
    <pivotField showAll="0"/>
    <pivotField axis="axisRow" outline="0" showAll="0">
      <items count="12">
        <item x="8"/>
        <item x="7"/>
        <item x="2"/>
        <item x="0"/>
        <item x="1"/>
        <item x="3"/>
        <item x="4"/>
        <item x="5"/>
        <item x="6"/>
        <item x="9"/>
        <item x="10"/>
        <item t="default"/>
      </items>
    </pivotField>
    <pivotField showAll="0"/>
    <pivotField showAll="0"/>
    <pivotField showAll="0"/>
    <pivotField showAll="0"/>
    <pivotField dataField="1"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</pivotFields>
  <rowFields count="3">
    <field x="5"/>
    <field x="2"/>
    <field x="1"/>
  </rowFields>
  <rowItems count="54">
    <i>
      <x/>
      <x/>
      <x v="49"/>
    </i>
    <i t="default">
      <x/>
    </i>
    <i>
      <x v="1"/>
      <x v="4"/>
      <x v="12"/>
    </i>
    <i t="default">
      <x v="1"/>
    </i>
    <i>
      <x v="2"/>
      <x/>
      <x v="14"/>
    </i>
    <i t="default">
      <x v="2"/>
    </i>
    <i>
      <x v="3"/>
      <x/>
      <x/>
    </i>
    <i t="default">
      <x v="3"/>
    </i>
    <i>
      <x v="4"/>
      <x/>
      <x v="6"/>
    </i>
    <i r="2">
      <x v="7"/>
    </i>
    <i r="2">
      <x v="8"/>
    </i>
    <i r="2">
      <x v="9"/>
    </i>
    <i r="2">
      <x v="10"/>
    </i>
    <i r="2">
      <x v="11"/>
    </i>
    <i r="2">
      <x v="13"/>
    </i>
    <i r="1">
      <x v="4"/>
      <x v="12"/>
    </i>
    <i t="default">
      <x v="4"/>
    </i>
    <i>
      <x v="5"/>
      <x v="2"/>
      <x v="15"/>
    </i>
    <i r="2">
      <x v="16"/>
    </i>
    <i r="2">
      <x v="17"/>
    </i>
    <i r="2">
      <x v="18"/>
    </i>
    <i r="2">
      <x v="44"/>
    </i>
    <i t="default">
      <x v="5"/>
    </i>
    <i>
      <x v="6"/>
      <x v="2"/>
      <x v="6"/>
    </i>
    <i r="2">
      <x v="7"/>
    </i>
    <i r="2">
      <x v="8"/>
    </i>
    <i r="2">
      <x v="9"/>
    </i>
    <i r="2">
      <x v="10"/>
    </i>
    <i r="2">
      <x v="11"/>
    </i>
    <i r="2">
      <x v="13"/>
    </i>
    <i r="2">
      <x v="46"/>
    </i>
    <i t="default">
      <x v="6"/>
    </i>
    <i>
      <x v="7"/>
      <x v="2"/>
      <x v="15"/>
    </i>
    <i r="2">
      <x v="16"/>
    </i>
    <i r="2">
      <x v="17"/>
    </i>
    <i r="2">
      <x v="18"/>
    </i>
    <i r="2">
      <x v="44"/>
    </i>
    <i t="default">
      <x v="7"/>
    </i>
    <i>
      <x v="8"/>
      <x/>
      <x v="15"/>
    </i>
    <i r="2">
      <x v="16"/>
    </i>
    <i r="2">
      <x v="17"/>
    </i>
    <i r="2">
      <x v="18"/>
    </i>
    <i r="2">
      <x v="44"/>
    </i>
    <i t="default">
      <x v="8"/>
    </i>
    <i>
      <x v="9"/>
      <x v="2"/>
      <x v="6"/>
    </i>
    <i r="2">
      <x v="7"/>
    </i>
    <i r="2">
      <x v="8"/>
    </i>
    <i r="2">
      <x v="9"/>
    </i>
    <i r="2">
      <x v="10"/>
    </i>
    <i r="2">
      <x v="11"/>
    </i>
    <i r="2">
      <x v="13"/>
    </i>
    <i r="2">
      <x v="46"/>
    </i>
    <i t="default">
      <x v="9"/>
    </i>
    <i t="grand">
      <x/>
    </i>
  </rowItems>
  <colFields count="1">
    <field x="0"/>
  </colFields>
  <colItems count="4">
    <i>
      <x/>
    </i>
    <i>
      <x v="1"/>
    </i>
    <i>
      <x v="2"/>
    </i>
    <i t="grand">
      <x/>
    </i>
  </colItems>
  <dataFields count="1">
    <dataField name="Sum of Debit / (Credit)" fld="10" baseField="0" baseItem="0" numFmtId="43"/>
  </dataFields>
  <formats count="12">
    <format dxfId="11">
      <pivotArea outline="0" collapsedLevelsAreSubtotals="1" fieldPosition="0"/>
    </format>
    <format dxfId="10">
      <pivotArea outline="0" collapsedLevelsAreSubtotals="1" fieldPosition="0">
        <references count="4">
          <reference field="0" count="1" selected="0">
            <x v="0"/>
          </reference>
          <reference field="1" count="1" selected="0">
            <x v="33"/>
          </reference>
          <reference field="2" count="1" selected="0">
            <x v="2"/>
          </reference>
          <reference field="5" count="1" selected="0">
            <x v="9"/>
          </reference>
        </references>
      </pivotArea>
    </format>
    <format dxfId="9">
      <pivotArea outline="0" collapsedLevelsAreSubtotals="1" fieldPosition="0">
        <references count="4">
          <reference field="0" count="1" selected="0">
            <x v="0"/>
          </reference>
          <reference field="1" count="1" selected="0">
            <x v="33"/>
          </reference>
          <reference field="2" count="1" selected="0">
            <x v="2"/>
          </reference>
          <reference field="5" count="1" selected="0">
            <x v="6"/>
          </reference>
        </references>
      </pivotArea>
    </format>
    <format dxfId="8">
      <pivotArea outline="0" collapsedLevelsAreSubtotals="1" fieldPosition="0">
        <references count="4">
          <reference field="0" count="1" selected="0">
            <x v="0"/>
          </reference>
          <reference field="1" count="1" selected="0">
            <x v="33"/>
          </reference>
          <reference field="2" count="1" selected="0">
            <x v="2"/>
          </reference>
          <reference field="5" count="1" selected="0">
            <x v="9"/>
          </reference>
        </references>
      </pivotArea>
    </format>
    <format dxfId="7">
      <pivotArea outline="0" collapsedLevelsAreSubtotals="1" fieldPosition="0">
        <references count="4">
          <reference field="0" count="1" selected="0">
            <x v="0"/>
          </reference>
          <reference field="1" count="1" selected="0">
            <x v="39"/>
          </reference>
          <reference field="2" count="1" selected="0">
            <x v="4"/>
          </reference>
          <reference field="5" count="1" selected="0">
            <x v="1"/>
          </reference>
        </references>
      </pivotArea>
    </format>
    <format dxfId="6">
      <pivotArea outline="0" collapsedLevelsAreSubtotals="1" fieldPosition="0">
        <references count="4">
          <reference field="0" count="1" selected="0">
            <x v="0"/>
          </reference>
          <reference field="1" count="1" selected="0">
            <x v="41"/>
          </reference>
          <reference field="2" count="1" selected="0">
            <x v="0"/>
          </reference>
          <reference field="5" count="1" selected="0">
            <x v="0"/>
          </reference>
        </references>
      </pivotArea>
    </format>
    <format dxfId="5">
      <pivotArea outline="0" collapsedLevelsAreSubtotals="1" fieldPosition="0">
        <references count="4">
          <reference field="0" count="1" selected="0">
            <x v="0"/>
          </reference>
          <reference field="1" count="1" selected="0">
            <x v="40"/>
          </reference>
          <reference field="2" count="1" selected="0">
            <x v="0"/>
          </reference>
          <reference field="5" count="1" selected="0">
            <x v="0"/>
          </reference>
        </references>
      </pivotArea>
    </format>
    <format dxfId="4">
      <pivotArea outline="0" collapsedLevelsAreSubtotals="1" fieldPosition="0">
        <references count="4">
          <reference field="0" count="1" selected="0">
            <x v="0"/>
          </reference>
          <reference field="1" count="1" selected="0">
            <x v="12"/>
          </reference>
          <reference field="2" count="1" selected="0">
            <x v="4"/>
          </reference>
          <reference field="5" count="1" selected="0">
            <x v="4"/>
          </reference>
        </references>
      </pivotArea>
    </format>
    <format dxfId="3">
      <pivotArea outline="0" collapsedLevelsAreSubtotals="1" fieldPosition="0">
        <references count="4">
          <reference field="0" count="1" selected="0">
            <x v="0"/>
          </reference>
          <reference field="1" count="1" selected="0">
            <x v="49"/>
          </reference>
          <reference field="2" count="1" selected="0">
            <x v="0"/>
          </reference>
          <reference field="5" count="1" selected="0">
            <x v="0"/>
          </reference>
        </references>
      </pivotArea>
    </format>
    <format dxfId="2">
      <pivotArea outline="0" collapsedLevelsAreSubtotals="1" fieldPosition="0">
        <references count="4">
          <reference field="0" count="1" selected="0">
            <x v="0"/>
          </reference>
          <reference field="1" count="1" selected="0">
            <x v="12"/>
          </reference>
          <reference field="2" count="1" selected="0">
            <x v="4"/>
          </reference>
          <reference field="5" count="1" selected="0">
            <x v="1"/>
          </reference>
        </references>
      </pivotArea>
    </format>
    <format dxfId="1">
      <pivotArea outline="0" collapsedLevelsAreSubtotals="1" fieldPosition="0">
        <references count="4">
          <reference field="0" count="1" selected="0">
            <x v="0"/>
          </reference>
          <reference field="1" count="1" selected="0">
            <x v="14"/>
          </reference>
          <reference field="2" count="1" selected="0">
            <x v="0"/>
          </reference>
          <reference field="5" count="1" selected="0">
            <x v="2"/>
          </reference>
        </references>
      </pivotArea>
    </format>
    <format dxfId="0">
      <pivotArea outline="0" collapsedLevelsAreSubtotals="1" fieldPosition="0">
        <references count="4">
          <reference field="0" count="1" selected="0">
            <x v="0"/>
          </reference>
          <reference field="1" count="1" selected="0">
            <x v="0"/>
          </reference>
          <reference field="2" count="1" selected="0">
            <x v="0"/>
          </reference>
          <reference field="5" count="1" selected="0">
            <x v="3"/>
          </reference>
        </references>
      </pivotArea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3.bin"/><Relationship Id="rId1" Type="http://schemas.openxmlformats.org/officeDocument/2006/relationships/pivotTable" Target="../pivotTables/pivotTable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4C568B-892F-4F76-B093-24FECD96F2AE}">
  <dimension ref="A1:G24"/>
  <sheetViews>
    <sheetView zoomScaleNormal="100" workbookViewId="0">
      <selection activeCell="D11" sqref="D11"/>
    </sheetView>
  </sheetViews>
  <sheetFormatPr defaultColWidth="9.140625" defaultRowHeight="12.75"/>
  <cols>
    <col min="1" max="1" width="4.7109375" style="3" customWidth="1"/>
    <col min="2" max="2" width="44.5703125" style="3" customWidth="1"/>
    <col min="3" max="3" width="13.28515625" style="3" customWidth="1"/>
    <col min="4" max="4" width="13.85546875" style="3" customWidth="1"/>
    <col min="5" max="16384" width="9.140625" style="3"/>
  </cols>
  <sheetData>
    <row r="1" spans="1:7" ht="15">
      <c r="A1" s="1" t="s">
        <v>0</v>
      </c>
      <c r="B1" s="2"/>
      <c r="C1" s="1"/>
      <c r="D1" s="1"/>
      <c r="G1" s="4"/>
    </row>
    <row r="2" spans="1:7" ht="15">
      <c r="A2" s="1" t="s">
        <v>1</v>
      </c>
      <c r="B2" s="2"/>
      <c r="C2" s="1"/>
      <c r="D2" s="1"/>
    </row>
    <row r="3" spans="1:7" ht="15">
      <c r="A3" s="1" t="s">
        <v>2</v>
      </c>
      <c r="B3" s="2"/>
      <c r="C3" s="1"/>
      <c r="D3" s="1"/>
    </row>
    <row r="4" spans="1:7">
      <c r="A4" s="85" t="s">
        <v>3</v>
      </c>
      <c r="B4" s="86"/>
      <c r="C4" s="86"/>
      <c r="D4" s="86"/>
    </row>
    <row r="6" spans="1:7" ht="39">
      <c r="A6" s="5" t="s">
        <v>4</v>
      </c>
      <c r="B6" s="5" t="s">
        <v>5</v>
      </c>
      <c r="C6" s="6"/>
      <c r="D6" s="7" t="s">
        <v>6</v>
      </c>
    </row>
    <row r="7" spans="1:7" ht="39">
      <c r="A7" s="8">
        <v>1</v>
      </c>
      <c r="B7" s="9" t="s">
        <v>7</v>
      </c>
      <c r="C7" s="10"/>
      <c r="D7" s="10">
        <f>'Est. Tax Calc'!C31</f>
        <v>15412942.52</v>
      </c>
    </row>
    <row r="8" spans="1:7" ht="15">
      <c r="A8" s="11"/>
      <c r="B8" s="11"/>
      <c r="C8" s="10"/>
      <c r="D8" s="10"/>
    </row>
    <row r="9" spans="1:7" ht="39">
      <c r="A9" s="8">
        <v>2</v>
      </c>
      <c r="B9" s="12" t="s">
        <v>8</v>
      </c>
      <c r="C9" s="10"/>
      <c r="D9" s="13">
        <f>Pivot!F76</f>
        <v>11150129.163333334</v>
      </c>
    </row>
    <row r="10" spans="1:7" ht="15">
      <c r="A10" s="11"/>
      <c r="B10" s="11"/>
      <c r="C10" s="10"/>
      <c r="D10" s="14"/>
    </row>
    <row r="11" spans="1:7" ht="15">
      <c r="A11" s="8">
        <v>3</v>
      </c>
      <c r="B11" s="11" t="s">
        <v>9</v>
      </c>
      <c r="C11" s="10"/>
      <c r="D11" s="10">
        <f>D7-D9</f>
        <v>4262813.3566666655</v>
      </c>
      <c r="E11" s="15"/>
    </row>
    <row r="12" spans="1:7">
      <c r="D12" s="16"/>
    </row>
    <row r="13" spans="1:7" ht="13.5" thickBot="1">
      <c r="B13" s="3" t="s">
        <v>10</v>
      </c>
      <c r="C13" s="3">
        <v>1</v>
      </c>
      <c r="D13" s="17">
        <f>D11*C13</f>
        <v>4262813.3566666655</v>
      </c>
    </row>
    <row r="14" spans="1:7" ht="13.5" thickTop="1"/>
    <row r="16" spans="1:7">
      <c r="B16" s="18" t="s">
        <v>11</v>
      </c>
    </row>
    <row r="18" spans="4:6">
      <c r="D18" s="19"/>
      <c r="E18" s="20"/>
      <c r="F18" s="20"/>
    </row>
    <row r="19" spans="4:6">
      <c r="D19" s="19"/>
      <c r="E19" s="20"/>
      <c r="F19" s="20"/>
    </row>
    <row r="21" spans="4:6">
      <c r="D21" s="21"/>
    </row>
    <row r="23" spans="4:6">
      <c r="D23" s="21"/>
    </row>
    <row r="24" spans="4:6">
      <c r="D24" s="16"/>
    </row>
  </sheetData>
  <mergeCells count="1">
    <mergeCell ref="A4:D4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D42138-13EF-4885-8D16-6F8D635CA124}">
  <sheetPr>
    <pageSetUpPr fitToPage="1"/>
  </sheetPr>
  <dimension ref="A1:H34"/>
  <sheetViews>
    <sheetView topLeftCell="A10" workbookViewId="0">
      <selection activeCell="C28" sqref="C28"/>
    </sheetView>
  </sheetViews>
  <sheetFormatPr defaultColWidth="9.140625" defaultRowHeight="12.75"/>
  <cols>
    <col min="1" max="1" width="27" style="3" customWidth="1"/>
    <col min="2" max="2" width="13.140625" style="3" customWidth="1"/>
    <col min="3" max="3" width="12.7109375" style="3" customWidth="1"/>
    <col min="4" max="4" width="63.7109375" style="3" customWidth="1"/>
    <col min="5" max="5" width="9.140625" style="3"/>
    <col min="6" max="6" width="13.85546875" style="3" customWidth="1"/>
    <col min="7" max="7" width="11.140625" style="3" customWidth="1"/>
    <col min="8" max="8" width="12.85546875" style="3" customWidth="1"/>
    <col min="9" max="16384" width="9.140625" style="3"/>
  </cols>
  <sheetData>
    <row r="1" spans="1:7" ht="13.5" thickBot="1"/>
    <row r="2" spans="1:7" ht="15">
      <c r="A2" s="22" t="s">
        <v>12</v>
      </c>
      <c r="B2" s="23"/>
      <c r="C2" s="24"/>
      <c r="D2" s="25"/>
    </row>
    <row r="3" spans="1:7" ht="15.75" thickBot="1">
      <c r="A3" s="26"/>
      <c r="B3" s="27">
        <v>45291</v>
      </c>
      <c r="C3" s="27">
        <v>45657</v>
      </c>
      <c r="D3" s="28"/>
    </row>
    <row r="4" spans="1:7">
      <c r="A4" s="29" t="s">
        <v>13</v>
      </c>
      <c r="B4" s="21"/>
      <c r="C4" s="30">
        <v>16830216.469999999</v>
      </c>
      <c r="D4" s="31" t="s">
        <v>14</v>
      </c>
      <c r="F4" s="16"/>
    </row>
    <row r="5" spans="1:7" ht="15">
      <c r="A5" s="32" t="s">
        <v>15</v>
      </c>
      <c r="B5" s="21"/>
      <c r="C5" s="30">
        <f>Pivot!E61</f>
        <v>1485439.9166666667</v>
      </c>
      <c r="D5" s="28" t="s">
        <v>16</v>
      </c>
    </row>
    <row r="6" spans="1:7" ht="15">
      <c r="A6" s="29" t="s">
        <v>17</v>
      </c>
      <c r="B6" s="33"/>
      <c r="C6" s="33">
        <f>C4-C5</f>
        <v>15344776.553333333</v>
      </c>
      <c r="D6" s="34" t="s">
        <v>17</v>
      </c>
    </row>
    <row r="7" spans="1:7" ht="15">
      <c r="A7" s="32" t="s">
        <v>18</v>
      </c>
      <c r="B7" s="10"/>
      <c r="C7" s="10">
        <f>C6/12</f>
        <v>1278731.3794444443</v>
      </c>
      <c r="D7" s="35" t="s">
        <v>18</v>
      </c>
      <c r="F7" s="16"/>
    </row>
    <row r="8" spans="1:7" ht="26.25">
      <c r="A8" s="36" t="s">
        <v>19</v>
      </c>
      <c r="B8" s="10">
        <f>SUM(Pivot!D49:D55,Pivot!F49:F55)+Pivot!I56</f>
        <v>7404326.8033333346</v>
      </c>
      <c r="C8" s="10">
        <f>Pivot!D27+Pivot!F27</f>
        <v>5636765</v>
      </c>
      <c r="D8" s="37" t="s">
        <v>20</v>
      </c>
      <c r="F8" s="16"/>
      <c r="G8" s="21"/>
    </row>
    <row r="9" spans="1:7" ht="15.75" thickBot="1">
      <c r="A9" s="38"/>
      <c r="B9" s="39"/>
      <c r="C9" s="70">
        <f>B8+C8</f>
        <v>13041091.803333335</v>
      </c>
      <c r="D9" s="71" t="s">
        <v>21</v>
      </c>
      <c r="G9" s="21"/>
    </row>
    <row r="10" spans="1:7" ht="15.75" thickBot="1">
      <c r="A10" s="11"/>
      <c r="B10" s="10"/>
      <c r="C10" s="10"/>
      <c r="D10" s="11"/>
    </row>
    <row r="11" spans="1:7" ht="15">
      <c r="A11" s="22" t="s">
        <v>22</v>
      </c>
      <c r="B11" s="40"/>
      <c r="C11" s="40"/>
      <c r="D11" s="25"/>
    </row>
    <row r="12" spans="1:7" ht="15.75" thickBot="1">
      <c r="A12" s="26"/>
      <c r="B12" s="27">
        <f>$B$3</f>
        <v>45291</v>
      </c>
      <c r="C12" s="27">
        <f>$C$3</f>
        <v>45657</v>
      </c>
      <c r="D12" s="28"/>
    </row>
    <row r="13" spans="1:7" ht="15">
      <c r="A13" s="32" t="str">
        <f>$A$4</f>
        <v>KY Total Expense Amount</v>
      </c>
      <c r="B13" s="10"/>
      <c r="C13" s="41">
        <v>63541.669999999984</v>
      </c>
      <c r="D13" s="31" t="s">
        <v>23</v>
      </c>
    </row>
    <row r="14" spans="1:7" ht="15">
      <c r="A14" s="32" t="s">
        <v>15</v>
      </c>
      <c r="B14" s="10"/>
      <c r="C14" s="41">
        <f>Pivot!E65</f>
        <v>16866.333333333332</v>
      </c>
      <c r="D14" s="28" t="s">
        <v>16</v>
      </c>
    </row>
    <row r="15" spans="1:7" ht="15">
      <c r="A15" s="29" t="str">
        <f>A6</f>
        <v>TY2024 Expense Amt Total</v>
      </c>
      <c r="B15" s="33"/>
      <c r="C15" s="33">
        <f>C13-C14</f>
        <v>46675.336666666655</v>
      </c>
      <c r="D15" s="34" t="str">
        <f>D6</f>
        <v>TY2024 Expense Amt Total</v>
      </c>
    </row>
    <row r="16" spans="1:7" ht="15">
      <c r="A16" s="32" t="s">
        <v>18</v>
      </c>
      <c r="B16" s="10"/>
      <c r="C16" s="10">
        <f>C15/12</f>
        <v>3889.6113888888881</v>
      </c>
      <c r="D16" s="35" t="s">
        <v>18</v>
      </c>
      <c r="F16" s="21"/>
    </row>
    <row r="17" spans="1:8" ht="30">
      <c r="A17" s="42" t="str">
        <f>$A$8</f>
        <v>Jun-Dec 2024 KY T&amp;D
(plus adjs)</v>
      </c>
      <c r="B17" s="10">
        <f>Pivot!D36-Pivot!D35+Pivot!F36-Pivot!F35+Pivot!I35</f>
        <v>244818.33333333331</v>
      </c>
      <c r="C17" s="10">
        <f>Pivot!D42+Pivot!F42</f>
        <v>267160</v>
      </c>
      <c r="D17" s="43" t="str">
        <f>$D$8</f>
        <v>Jan-May 2025 KY T&amp;D</v>
      </c>
      <c r="F17" s="21"/>
    </row>
    <row r="18" spans="1:8" ht="15.75" thickBot="1">
      <c r="A18" s="38"/>
      <c r="B18" s="39"/>
      <c r="C18" s="70">
        <f>B17+C17</f>
        <v>511978.33333333331</v>
      </c>
      <c r="D18" s="71" t="str">
        <f>D9</f>
        <v>Total KY Def Amt for Period Ending 12/31/2024</v>
      </c>
      <c r="F18" s="21"/>
    </row>
    <row r="19" spans="1:8" ht="15.75" thickBot="1">
      <c r="A19" s="11"/>
      <c r="B19" s="10"/>
      <c r="C19" s="10"/>
      <c r="D19" s="11"/>
      <c r="F19" s="21"/>
    </row>
    <row r="20" spans="1:8" ht="15">
      <c r="A20" s="22" t="s">
        <v>24</v>
      </c>
      <c r="B20" s="40"/>
      <c r="C20" s="40"/>
      <c r="D20" s="25"/>
    </row>
    <row r="21" spans="1:8" ht="15.75" thickBot="1">
      <c r="A21" s="26"/>
      <c r="B21" s="27">
        <f>$B$3</f>
        <v>45291</v>
      </c>
      <c r="C21" s="27">
        <f>$C$3</f>
        <v>45657</v>
      </c>
      <c r="D21" s="28"/>
    </row>
    <row r="22" spans="1:8" ht="15">
      <c r="A22" s="32" t="s">
        <v>25</v>
      </c>
      <c r="B22" s="10"/>
      <c r="C22" s="41">
        <v>21490.63</v>
      </c>
      <c r="D22" s="28" t="s">
        <v>26</v>
      </c>
    </row>
    <row r="23" spans="1:8" ht="15">
      <c r="A23" s="32" t="s">
        <v>18</v>
      </c>
      <c r="B23" s="10"/>
      <c r="C23" s="10">
        <f>C22/12</f>
        <v>1790.8858333333335</v>
      </c>
      <c r="D23" s="35" t="s">
        <v>18</v>
      </c>
      <c r="F23" s="21"/>
    </row>
    <row r="24" spans="1:8" ht="30">
      <c r="A24" s="42" t="str">
        <f>$A$8</f>
        <v>Jun-Dec 2024 KY T&amp;D
(plus adjs)</v>
      </c>
      <c r="B24" s="10">
        <f>Pivot!D21-Pivot!D20+Pivot!I20</f>
        <v>8202.1733333333341</v>
      </c>
      <c r="C24" s="10">
        <f>Pivot!D48</f>
        <v>6250</v>
      </c>
      <c r="D24" s="43" t="str">
        <f>$D$8</f>
        <v>Jan-May 2025 KY T&amp;D</v>
      </c>
    </row>
    <row r="25" spans="1:8" ht="15.75" thickBot="1">
      <c r="A25" s="38"/>
      <c r="B25" s="39"/>
      <c r="C25" s="70">
        <f>C24+B24</f>
        <v>14452.173333333334</v>
      </c>
      <c r="D25" s="71" t="str">
        <f>D9</f>
        <v>Total KY Def Amt for Period Ending 12/31/2024</v>
      </c>
    </row>
    <row r="26" spans="1:8" ht="13.5" thickBot="1">
      <c r="C26" s="44">
        <f>C25+C18+C9</f>
        <v>13567522.310000001</v>
      </c>
      <c r="D26" s="4" t="s">
        <v>27</v>
      </c>
      <c r="F26" s="45"/>
      <c r="H26" s="45"/>
    </row>
    <row r="27" spans="1:8">
      <c r="C27" s="21"/>
      <c r="D27" s="4"/>
    </row>
    <row r="28" spans="1:8" ht="15">
      <c r="A28" s="46" t="s">
        <v>28</v>
      </c>
      <c r="B28" s="46"/>
      <c r="C28" s="10">
        <f>C6+C15+C22</f>
        <v>15412942.52</v>
      </c>
      <c r="D28" s="47" t="s">
        <v>29</v>
      </c>
    </row>
    <row r="29" spans="1:8">
      <c r="A29" s="48" t="s">
        <v>30</v>
      </c>
      <c r="B29" s="48"/>
      <c r="C29" s="21"/>
    </row>
    <row r="30" spans="1:8" ht="15">
      <c r="A30" s="4" t="s">
        <v>31</v>
      </c>
      <c r="B30" s="4"/>
      <c r="C30" s="10">
        <v>0</v>
      </c>
      <c r="D30" s="4" t="s">
        <v>32</v>
      </c>
    </row>
    <row r="31" spans="1:8" ht="13.5" thickBot="1">
      <c r="A31" s="4" t="s">
        <v>33</v>
      </c>
      <c r="B31" s="4"/>
      <c r="C31" s="49">
        <f>C30+C28</f>
        <v>15412942.52</v>
      </c>
      <c r="D31" s="4" t="s">
        <v>34</v>
      </c>
    </row>
    <row r="32" spans="1:8" ht="13.5" thickTop="1">
      <c r="A32" s="4"/>
      <c r="B32" s="4"/>
      <c r="C32" s="21"/>
    </row>
    <row r="34" spans="3:3">
      <c r="C34" s="16"/>
    </row>
  </sheetData>
  <pageMargins left="0.7" right="0.7" top="0.75" bottom="0.75" header="0.3" footer="0.3"/>
  <pageSetup scale="7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251E76-F051-4456-AD44-B8465CDB90B9}">
  <dimension ref="A3:I87"/>
  <sheetViews>
    <sheetView tabSelected="1" topLeftCell="A37" workbookViewId="0">
      <selection activeCell="I65" sqref="I65"/>
    </sheetView>
  </sheetViews>
  <sheetFormatPr defaultColWidth="9.140625" defaultRowHeight="15"/>
  <cols>
    <col min="1" max="1" width="21.42578125" style="11" bestFit="1" customWidth="1"/>
    <col min="2" max="2" width="13.28515625" style="11" bestFit="1" customWidth="1"/>
    <col min="3" max="3" width="10.140625" style="11" bestFit="1" customWidth="1"/>
    <col min="4" max="4" width="17" style="11" bestFit="1" customWidth="1"/>
    <col min="5" max="5" width="12.85546875" style="11" bestFit="1" customWidth="1"/>
    <col min="6" max="7" width="14" style="11" bestFit="1" customWidth="1"/>
    <col min="8" max="8" width="9.140625" style="11"/>
    <col min="9" max="9" width="15" style="11" bestFit="1" customWidth="1"/>
    <col min="10" max="16384" width="9.140625" style="11"/>
  </cols>
  <sheetData>
    <row r="3" spans="1:7">
      <c r="A3" t="s">
        <v>35</v>
      </c>
      <c r="B3"/>
      <c r="C3"/>
      <c r="D3" t="s">
        <v>36</v>
      </c>
      <c r="E3"/>
      <c r="F3"/>
      <c r="G3"/>
    </row>
    <row r="4" spans="1:7">
      <c r="A4" t="s">
        <v>37</v>
      </c>
      <c r="B4" t="s">
        <v>38</v>
      </c>
      <c r="C4" t="s">
        <v>39</v>
      </c>
      <c r="D4" t="s">
        <v>40</v>
      </c>
      <c r="E4" t="s">
        <v>41</v>
      </c>
      <c r="F4" t="s">
        <v>42</v>
      </c>
      <c r="G4" t="s">
        <v>43</v>
      </c>
    </row>
    <row r="5" spans="1:7">
      <c r="A5" t="s">
        <v>44</v>
      </c>
      <c r="B5" t="s">
        <v>45</v>
      </c>
      <c r="C5" s="50">
        <v>45616</v>
      </c>
      <c r="D5" s="51">
        <v>-25903.25</v>
      </c>
      <c r="E5" s="52"/>
      <c r="F5" s="52"/>
      <c r="G5" s="52">
        <v>-25903.25</v>
      </c>
    </row>
    <row r="6" spans="1:7">
      <c r="A6" t="s">
        <v>46</v>
      </c>
      <c r="B6"/>
      <c r="C6"/>
      <c r="D6" s="52">
        <v>-25903.25</v>
      </c>
      <c r="E6" s="52"/>
      <c r="F6" s="52"/>
      <c r="G6" s="52">
        <v>-25903.25</v>
      </c>
    </row>
    <row r="7" spans="1:7">
      <c r="A7" t="s">
        <v>47</v>
      </c>
      <c r="B7" t="s">
        <v>48</v>
      </c>
      <c r="C7" s="50">
        <v>45656</v>
      </c>
      <c r="D7" s="51">
        <v>-698856</v>
      </c>
      <c r="E7" s="52">
        <v>-133673</v>
      </c>
      <c r="F7" s="52">
        <v>-482471</v>
      </c>
      <c r="G7" s="52">
        <v>-1315000</v>
      </c>
    </row>
    <row r="8" spans="1:7">
      <c r="A8" t="s">
        <v>49</v>
      </c>
      <c r="B8"/>
      <c r="C8"/>
      <c r="D8" s="52">
        <v>-698856</v>
      </c>
      <c r="E8" s="52">
        <v>-133673</v>
      </c>
      <c r="F8" s="52">
        <v>-482471</v>
      </c>
      <c r="G8" s="52">
        <v>-1315000</v>
      </c>
    </row>
    <row r="9" spans="1:7">
      <c r="A9" t="s">
        <v>50</v>
      </c>
      <c r="B9" t="s">
        <v>45</v>
      </c>
      <c r="C9" s="50">
        <v>45528</v>
      </c>
      <c r="D9" s="51">
        <v>-187829.58</v>
      </c>
      <c r="E9" s="52">
        <v>-5726.79</v>
      </c>
      <c r="F9" s="52">
        <v>-178906.73</v>
      </c>
      <c r="G9" s="52">
        <v>-372463.1</v>
      </c>
    </row>
    <row r="10" spans="1:7">
      <c r="A10" t="s">
        <v>51</v>
      </c>
      <c r="B10"/>
      <c r="C10"/>
      <c r="D10" s="52">
        <v>-187829.58</v>
      </c>
      <c r="E10" s="52">
        <v>-5726.79</v>
      </c>
      <c r="F10" s="52">
        <v>-178906.73</v>
      </c>
      <c r="G10" s="52">
        <v>-372463.1</v>
      </c>
    </row>
    <row r="11" spans="1:7">
      <c r="A11" t="s">
        <v>52</v>
      </c>
      <c r="B11" t="s">
        <v>45</v>
      </c>
      <c r="C11" s="50">
        <v>45530</v>
      </c>
      <c r="D11" s="51">
        <v>7431.19</v>
      </c>
      <c r="E11" s="52"/>
      <c r="F11" s="52"/>
      <c r="G11" s="52">
        <v>7431.19</v>
      </c>
    </row>
    <row r="12" spans="1:7">
      <c r="A12" t="s">
        <v>53</v>
      </c>
      <c r="B12"/>
      <c r="C12"/>
      <c r="D12" s="52">
        <v>7431.19</v>
      </c>
      <c r="E12" s="52"/>
      <c r="F12" s="52"/>
      <c r="G12" s="52">
        <v>7431.19</v>
      </c>
    </row>
    <row r="13" spans="1:7">
      <c r="A13" t="s">
        <v>54</v>
      </c>
      <c r="B13" t="s">
        <v>45</v>
      </c>
      <c r="C13" s="50">
        <v>45473</v>
      </c>
      <c r="D13" s="52">
        <v>1134</v>
      </c>
      <c r="E13" s="52"/>
      <c r="F13" s="52"/>
      <c r="G13" s="52">
        <v>1134</v>
      </c>
    </row>
    <row r="14" spans="1:7">
      <c r="A14"/>
      <c r="B14"/>
      <c r="C14" s="50">
        <v>45504</v>
      </c>
      <c r="D14" s="52">
        <v>1134</v>
      </c>
      <c r="E14" s="52"/>
      <c r="F14" s="52"/>
      <c r="G14" s="52">
        <v>1134</v>
      </c>
    </row>
    <row r="15" spans="1:7">
      <c r="A15"/>
      <c r="B15"/>
      <c r="C15" s="50">
        <v>45535</v>
      </c>
      <c r="D15" s="52">
        <v>1134</v>
      </c>
      <c r="E15" s="52"/>
      <c r="F15" s="52"/>
      <c r="G15" s="52">
        <v>1134</v>
      </c>
    </row>
    <row r="16" spans="1:7">
      <c r="A16"/>
      <c r="B16"/>
      <c r="C16" s="50">
        <v>45565</v>
      </c>
      <c r="D16" s="52">
        <v>1134</v>
      </c>
      <c r="E16" s="52"/>
      <c r="F16" s="52"/>
      <c r="G16" s="52">
        <v>1134</v>
      </c>
    </row>
    <row r="17" spans="1:9">
      <c r="A17"/>
      <c r="B17"/>
      <c r="C17" s="50">
        <v>45596</v>
      </c>
      <c r="D17" s="52">
        <v>1134</v>
      </c>
      <c r="E17" s="52"/>
      <c r="F17" s="52"/>
      <c r="G17" s="52">
        <v>1134</v>
      </c>
    </row>
    <row r="18" spans="1:9">
      <c r="A18"/>
      <c r="B18"/>
      <c r="C18" s="50">
        <v>45626</v>
      </c>
      <c r="D18" s="52">
        <v>1134</v>
      </c>
      <c r="E18" s="52"/>
      <c r="F18" s="52"/>
      <c r="G18" s="52">
        <v>1134</v>
      </c>
    </row>
    <row r="19" spans="1:9">
      <c r="A19"/>
      <c r="B19"/>
      <c r="C19" s="50">
        <v>45657</v>
      </c>
      <c r="D19" s="52">
        <v>1136</v>
      </c>
      <c r="E19" s="52"/>
      <c r="F19" s="52"/>
      <c r="G19" s="52">
        <v>1136</v>
      </c>
    </row>
    <row r="20" spans="1:9">
      <c r="A20"/>
      <c r="B20" t="s">
        <v>48</v>
      </c>
      <c r="C20" s="50">
        <v>45656</v>
      </c>
      <c r="D20" s="52">
        <v>449.44</v>
      </c>
      <c r="E20" s="52"/>
      <c r="F20" s="52"/>
      <c r="G20" s="52">
        <v>449.44</v>
      </c>
      <c r="I20" s="53">
        <f>D20*7/12</f>
        <v>262.17333333333335</v>
      </c>
    </row>
    <row r="21" spans="1:9">
      <c r="A21" t="s">
        <v>55</v>
      </c>
      <c r="B21"/>
      <c r="C21"/>
      <c r="D21" s="52">
        <v>8389.44</v>
      </c>
      <c r="E21" s="52"/>
      <c r="F21" s="52"/>
      <c r="G21" s="52">
        <v>8389.44</v>
      </c>
    </row>
    <row r="22" spans="1:9">
      <c r="A22" t="s">
        <v>56</v>
      </c>
      <c r="B22" t="s">
        <v>57</v>
      </c>
      <c r="C22" s="50">
        <v>45688</v>
      </c>
      <c r="D22" s="52">
        <v>706444</v>
      </c>
      <c r="E22" s="52">
        <v>121347</v>
      </c>
      <c r="F22" s="52">
        <v>420909</v>
      </c>
      <c r="G22" s="52">
        <v>1248700</v>
      </c>
    </row>
    <row r="23" spans="1:9">
      <c r="A23"/>
      <c r="B23"/>
      <c r="C23" s="50">
        <v>45716</v>
      </c>
      <c r="D23" s="52">
        <v>706444</v>
      </c>
      <c r="E23" s="52">
        <v>121347</v>
      </c>
      <c r="F23" s="52">
        <v>420909</v>
      </c>
      <c r="G23" s="52">
        <v>1248700</v>
      </c>
    </row>
    <row r="24" spans="1:9">
      <c r="A24"/>
      <c r="B24"/>
      <c r="C24" s="50">
        <v>45747</v>
      </c>
      <c r="D24" s="52">
        <v>706444</v>
      </c>
      <c r="E24" s="52">
        <v>121347</v>
      </c>
      <c r="F24" s="52">
        <v>420909</v>
      </c>
      <c r="G24" s="52">
        <v>1248700</v>
      </c>
    </row>
    <row r="25" spans="1:9">
      <c r="A25"/>
      <c r="B25"/>
      <c r="C25" s="50">
        <v>45777</v>
      </c>
      <c r="D25" s="52">
        <v>706444</v>
      </c>
      <c r="E25" s="52">
        <v>121347</v>
      </c>
      <c r="F25" s="52">
        <v>420909</v>
      </c>
      <c r="G25" s="52">
        <v>1248700</v>
      </c>
    </row>
    <row r="26" spans="1:9">
      <c r="A26"/>
      <c r="B26"/>
      <c r="C26" s="50">
        <v>45808</v>
      </c>
      <c r="D26" s="52">
        <v>706444</v>
      </c>
      <c r="E26" s="52">
        <v>121347</v>
      </c>
      <c r="F26" s="52">
        <v>420909</v>
      </c>
      <c r="G26" s="52">
        <v>1248700</v>
      </c>
    </row>
    <row r="27" spans="1:9">
      <c r="A27" t="s">
        <v>58</v>
      </c>
      <c r="B27"/>
      <c r="C27"/>
      <c r="D27" s="52">
        <v>3532220</v>
      </c>
      <c r="E27" s="52">
        <v>606735</v>
      </c>
      <c r="F27" s="52">
        <v>2104545</v>
      </c>
      <c r="G27" s="52">
        <v>6243500</v>
      </c>
    </row>
    <row r="28" spans="1:9">
      <c r="A28" t="s">
        <v>59</v>
      </c>
      <c r="B28" t="s">
        <v>57</v>
      </c>
      <c r="C28" s="50">
        <v>45473</v>
      </c>
      <c r="D28" s="52">
        <v>48269</v>
      </c>
      <c r="E28" s="52">
        <v>1630</v>
      </c>
      <c r="F28" s="52">
        <v>1202</v>
      </c>
      <c r="G28" s="52">
        <v>51101</v>
      </c>
    </row>
    <row r="29" spans="1:9">
      <c r="A29"/>
      <c r="B29"/>
      <c r="C29" s="50">
        <v>45504</v>
      </c>
      <c r="D29" s="52">
        <v>48269</v>
      </c>
      <c r="E29" s="52">
        <v>1630</v>
      </c>
      <c r="F29" s="52">
        <v>1202</v>
      </c>
      <c r="G29" s="52">
        <v>51101</v>
      </c>
    </row>
    <row r="30" spans="1:9">
      <c r="A30"/>
      <c r="B30"/>
      <c r="C30" s="50">
        <v>45535</v>
      </c>
      <c r="D30" s="52">
        <v>48269</v>
      </c>
      <c r="E30" s="52">
        <v>1630</v>
      </c>
      <c r="F30" s="52">
        <v>1202</v>
      </c>
      <c r="G30" s="52">
        <v>51101</v>
      </c>
    </row>
    <row r="31" spans="1:9">
      <c r="A31"/>
      <c r="B31"/>
      <c r="C31" s="50">
        <v>45565</v>
      </c>
      <c r="D31" s="52">
        <v>48269</v>
      </c>
      <c r="E31" s="52">
        <v>1630</v>
      </c>
      <c r="F31" s="52">
        <v>1202</v>
      </c>
      <c r="G31" s="52">
        <v>51101</v>
      </c>
    </row>
    <row r="32" spans="1:9">
      <c r="A32"/>
      <c r="B32"/>
      <c r="C32" s="50">
        <v>45596</v>
      </c>
      <c r="D32" s="52">
        <v>48269</v>
      </c>
      <c r="E32" s="52">
        <v>1630</v>
      </c>
      <c r="F32" s="52">
        <v>1202</v>
      </c>
      <c r="G32" s="52">
        <v>51101</v>
      </c>
    </row>
    <row r="33" spans="1:9">
      <c r="A33"/>
      <c r="B33"/>
      <c r="C33" s="50">
        <v>45626</v>
      </c>
      <c r="D33" s="52">
        <v>48269</v>
      </c>
      <c r="E33" s="52">
        <v>1630</v>
      </c>
      <c r="F33" s="52">
        <v>1202</v>
      </c>
      <c r="G33" s="52">
        <v>51101</v>
      </c>
    </row>
    <row r="34" spans="1:9">
      <c r="A34"/>
      <c r="B34"/>
      <c r="C34" s="50">
        <v>45657</v>
      </c>
      <c r="D34" s="52">
        <v>48271</v>
      </c>
      <c r="E34" s="52">
        <v>1630</v>
      </c>
      <c r="F34" s="52">
        <v>1198</v>
      </c>
      <c r="G34" s="52">
        <v>51099</v>
      </c>
    </row>
    <row r="35" spans="1:9">
      <c r="A35"/>
      <c r="B35"/>
      <c r="C35" s="50">
        <v>45645</v>
      </c>
      <c r="D35" s="52">
        <v>-169737</v>
      </c>
      <c r="E35" s="52">
        <v>-5732</v>
      </c>
      <c r="F35" s="52">
        <v>-4223</v>
      </c>
      <c r="G35" s="52">
        <v>-179692</v>
      </c>
      <c r="I35" s="53">
        <f>(D35+F35)*7/12</f>
        <v>-101476.66666666667</v>
      </c>
    </row>
    <row r="36" spans="1:9">
      <c r="A36" t="s">
        <v>60</v>
      </c>
      <c r="B36"/>
      <c r="C36"/>
      <c r="D36" s="52">
        <v>168148</v>
      </c>
      <c r="E36" s="52">
        <v>5678</v>
      </c>
      <c r="F36" s="52">
        <v>4187</v>
      </c>
      <c r="G36" s="52">
        <v>178013</v>
      </c>
    </row>
    <row r="37" spans="1:9">
      <c r="A37" t="s">
        <v>61</v>
      </c>
      <c r="B37" t="s">
        <v>57</v>
      </c>
      <c r="C37" s="50">
        <v>45688</v>
      </c>
      <c r="D37" s="52">
        <v>52134</v>
      </c>
      <c r="E37" s="52">
        <v>1760</v>
      </c>
      <c r="F37" s="52">
        <v>1298</v>
      </c>
      <c r="G37" s="52">
        <v>55192</v>
      </c>
    </row>
    <row r="38" spans="1:9">
      <c r="A38"/>
      <c r="B38"/>
      <c r="C38" s="50">
        <v>45716</v>
      </c>
      <c r="D38" s="52">
        <v>52134</v>
      </c>
      <c r="E38" s="52">
        <v>1760</v>
      </c>
      <c r="F38" s="52">
        <v>1298</v>
      </c>
      <c r="G38" s="52">
        <v>55192</v>
      </c>
    </row>
    <row r="39" spans="1:9">
      <c r="A39"/>
      <c r="B39"/>
      <c r="C39" s="50">
        <v>45747</v>
      </c>
      <c r="D39" s="52">
        <v>52134</v>
      </c>
      <c r="E39" s="52">
        <v>1760</v>
      </c>
      <c r="F39" s="52">
        <v>1298</v>
      </c>
      <c r="G39" s="52">
        <v>55192</v>
      </c>
    </row>
    <row r="40" spans="1:9">
      <c r="A40"/>
      <c r="B40"/>
      <c r="C40" s="50">
        <v>45777</v>
      </c>
      <c r="D40" s="52">
        <v>52134</v>
      </c>
      <c r="E40" s="52">
        <v>1760</v>
      </c>
      <c r="F40" s="52">
        <v>1298</v>
      </c>
      <c r="G40" s="52">
        <v>55192</v>
      </c>
    </row>
    <row r="41" spans="1:9">
      <c r="A41"/>
      <c r="B41"/>
      <c r="C41" s="50">
        <v>45808</v>
      </c>
      <c r="D41" s="52">
        <v>52134</v>
      </c>
      <c r="E41" s="52">
        <v>1760</v>
      </c>
      <c r="F41" s="52">
        <v>1298</v>
      </c>
      <c r="G41" s="52">
        <v>55192</v>
      </c>
    </row>
    <row r="42" spans="1:9">
      <c r="A42" t="s">
        <v>62</v>
      </c>
      <c r="B42"/>
      <c r="C42"/>
      <c r="D42" s="52">
        <v>260670</v>
      </c>
      <c r="E42" s="52">
        <v>8800</v>
      </c>
      <c r="F42" s="52">
        <v>6490</v>
      </c>
      <c r="G42" s="52">
        <v>275960</v>
      </c>
    </row>
    <row r="43" spans="1:9">
      <c r="A43" t="s">
        <v>63</v>
      </c>
      <c r="B43" t="s">
        <v>45</v>
      </c>
      <c r="C43" s="50">
        <v>45688</v>
      </c>
      <c r="D43" s="52">
        <v>1250</v>
      </c>
      <c r="E43" s="52"/>
      <c r="F43" s="52"/>
      <c r="G43" s="52">
        <v>1250</v>
      </c>
    </row>
    <row r="44" spans="1:9">
      <c r="A44"/>
      <c r="B44"/>
      <c r="C44" s="50">
        <v>45716</v>
      </c>
      <c r="D44" s="52">
        <v>1250</v>
      </c>
      <c r="E44" s="52"/>
      <c r="F44" s="52"/>
      <c r="G44" s="52">
        <v>1250</v>
      </c>
    </row>
    <row r="45" spans="1:9">
      <c r="A45"/>
      <c r="B45"/>
      <c r="C45" s="50">
        <v>45747</v>
      </c>
      <c r="D45" s="52">
        <v>1250</v>
      </c>
      <c r="E45" s="52"/>
      <c r="F45" s="52"/>
      <c r="G45" s="52">
        <v>1250</v>
      </c>
    </row>
    <row r="46" spans="1:9">
      <c r="A46"/>
      <c r="B46"/>
      <c r="C46" s="50">
        <v>45777</v>
      </c>
      <c r="D46" s="52">
        <v>1250</v>
      </c>
      <c r="E46" s="52"/>
      <c r="F46" s="52"/>
      <c r="G46" s="52">
        <v>1250</v>
      </c>
    </row>
    <row r="47" spans="1:9">
      <c r="A47"/>
      <c r="B47"/>
      <c r="C47" s="50">
        <v>45808</v>
      </c>
      <c r="D47" s="52">
        <v>1250</v>
      </c>
      <c r="E47" s="52"/>
      <c r="F47" s="52"/>
      <c r="G47" s="52">
        <v>1250</v>
      </c>
    </row>
    <row r="48" spans="1:9">
      <c r="A48" t="s">
        <v>64</v>
      </c>
      <c r="B48"/>
      <c r="C48"/>
      <c r="D48" s="52">
        <v>6250</v>
      </c>
      <c r="E48" s="52"/>
      <c r="F48" s="52"/>
      <c r="G48" s="52">
        <v>6250</v>
      </c>
    </row>
    <row r="49" spans="1:9">
      <c r="A49" t="s">
        <v>65</v>
      </c>
      <c r="B49" t="s">
        <v>57</v>
      </c>
      <c r="C49" s="50">
        <v>45473</v>
      </c>
      <c r="D49" s="52">
        <v>959733</v>
      </c>
      <c r="E49" s="52">
        <v>179219</v>
      </c>
      <c r="F49" s="52">
        <v>599298</v>
      </c>
      <c r="G49" s="52">
        <v>1738250</v>
      </c>
    </row>
    <row r="50" spans="1:9">
      <c r="A50"/>
      <c r="B50"/>
      <c r="C50" s="50">
        <v>45504</v>
      </c>
      <c r="D50" s="52">
        <v>959733</v>
      </c>
      <c r="E50" s="52">
        <v>179219</v>
      </c>
      <c r="F50" s="52">
        <v>599298</v>
      </c>
      <c r="G50" s="52">
        <v>1738250</v>
      </c>
    </row>
    <row r="51" spans="1:9">
      <c r="A51"/>
      <c r="B51"/>
      <c r="C51" s="50">
        <v>45535</v>
      </c>
      <c r="D51" s="52">
        <v>959733</v>
      </c>
      <c r="E51" s="52">
        <v>179219</v>
      </c>
      <c r="F51" s="52">
        <v>599298</v>
      </c>
      <c r="G51" s="52">
        <v>1738250</v>
      </c>
    </row>
    <row r="52" spans="1:9">
      <c r="A52"/>
      <c r="B52"/>
      <c r="C52" s="50">
        <v>45565</v>
      </c>
      <c r="D52" s="52">
        <v>959733</v>
      </c>
      <c r="E52" s="52">
        <v>179219</v>
      </c>
      <c r="F52" s="52">
        <v>599298</v>
      </c>
      <c r="G52" s="52">
        <v>1738250</v>
      </c>
    </row>
    <row r="53" spans="1:9">
      <c r="A53"/>
      <c r="B53"/>
      <c r="C53" s="50">
        <v>45596</v>
      </c>
      <c r="D53" s="52">
        <v>959733</v>
      </c>
      <c r="E53" s="52">
        <v>179219</v>
      </c>
      <c r="F53" s="52">
        <v>599298</v>
      </c>
      <c r="G53" s="52">
        <v>1738250</v>
      </c>
    </row>
    <row r="54" spans="1:9">
      <c r="A54"/>
      <c r="B54"/>
      <c r="C54" s="50">
        <v>45626</v>
      </c>
      <c r="D54" s="52">
        <v>959733</v>
      </c>
      <c r="E54" s="52">
        <v>179219</v>
      </c>
      <c r="F54" s="52">
        <v>599298</v>
      </c>
      <c r="G54" s="52">
        <v>1738250</v>
      </c>
    </row>
    <row r="55" spans="1:9">
      <c r="A55"/>
      <c r="B55"/>
      <c r="C55" s="50">
        <v>45657</v>
      </c>
      <c r="D55" s="52">
        <v>959729.96</v>
      </c>
      <c r="E55" s="52">
        <v>179218</v>
      </c>
      <c r="F55" s="52">
        <v>599302.01</v>
      </c>
      <c r="G55" s="52">
        <v>1738249.97</v>
      </c>
    </row>
    <row r="56" spans="1:9">
      <c r="A56"/>
      <c r="B56"/>
      <c r="C56" s="50">
        <v>45645</v>
      </c>
      <c r="D56" s="52">
        <v>-3581708</v>
      </c>
      <c r="E56" s="52">
        <v>-644275</v>
      </c>
      <c r="F56" s="52">
        <v>-2433534</v>
      </c>
      <c r="G56" s="52">
        <v>-6659517</v>
      </c>
      <c r="I56" s="53">
        <f>(D56+F56)*7/12</f>
        <v>-3508891.1666666665</v>
      </c>
    </row>
    <row r="57" spans="1:9">
      <c r="A57" t="s">
        <v>66</v>
      </c>
      <c r="B57"/>
      <c r="C57"/>
      <c r="D57" s="52">
        <v>3136419.96</v>
      </c>
      <c r="E57" s="52">
        <v>610257</v>
      </c>
      <c r="F57" s="52">
        <v>1761556.0099999998</v>
      </c>
      <c r="G57" s="52">
        <v>5508232.9700000007</v>
      </c>
    </row>
    <row r="58" spans="1:9">
      <c r="A58" t="s">
        <v>43</v>
      </c>
      <c r="B58"/>
      <c r="C58"/>
      <c r="D58" s="52">
        <v>6206939.7600000016</v>
      </c>
      <c r="E58" s="52">
        <v>1092070.21</v>
      </c>
      <c r="F58" s="52">
        <v>3215400.2799999993</v>
      </c>
      <c r="G58" s="52">
        <v>10514410.25</v>
      </c>
    </row>
    <row r="59" spans="1:9">
      <c r="A59"/>
      <c r="B59"/>
      <c r="C59" s="54" t="s">
        <v>67</v>
      </c>
      <c r="D59" s="52">
        <f>D57-D56+D27</f>
        <v>10250347.960000001</v>
      </c>
      <c r="E59" s="52">
        <f>E57-E56+E27</f>
        <v>1861267</v>
      </c>
      <c r="F59" s="52">
        <f>F57-F56+F27</f>
        <v>6299635.0099999998</v>
      </c>
      <c r="G59"/>
      <c r="I59" s="53">
        <f>F71</f>
        <v>13567522.309999999</v>
      </c>
    </row>
    <row r="60" spans="1:9">
      <c r="A60"/>
      <c r="B60"/>
      <c r="C60" t="s">
        <v>68</v>
      </c>
      <c r="D60" s="55">
        <f>D56*7/12</f>
        <v>-2089329.6666666667</v>
      </c>
      <c r="E60" s="55">
        <f>E56*7/12</f>
        <v>-375827.08333333331</v>
      </c>
      <c r="F60" s="55">
        <f>F56*7/12</f>
        <v>-1419561.5</v>
      </c>
      <c r="G60"/>
      <c r="I60" s="60">
        <f>F76</f>
        <v>11150129.163333334</v>
      </c>
    </row>
    <row r="61" spans="1:9">
      <c r="A61"/>
      <c r="B61"/>
      <c r="C61"/>
      <c r="D61" s="52">
        <f>SUM(D59:D60)</f>
        <v>8161018.2933333339</v>
      </c>
      <c r="E61" s="52">
        <f>SUM(E59:E60)</f>
        <v>1485439.9166666667</v>
      </c>
      <c r="F61" s="52">
        <f>SUM(F59:F60)</f>
        <v>4880073.51</v>
      </c>
      <c r="G61"/>
      <c r="I61" s="53">
        <f>I59-I60</f>
        <v>2417393.1466666646</v>
      </c>
    </row>
    <row r="62" spans="1:9">
      <c r="A62"/>
      <c r="B62"/>
      <c r="C62"/>
      <c r="D62" s="52"/>
      <c r="E62" s="52"/>
      <c r="F62" s="52"/>
      <c r="G62"/>
    </row>
    <row r="63" spans="1:9">
      <c r="A63"/>
      <c r="B63"/>
      <c r="C63" s="56" t="s">
        <v>69</v>
      </c>
      <c r="D63" s="52">
        <f>D36-D35+D42</f>
        <v>598555</v>
      </c>
      <c r="E63" s="52">
        <f>E36-E35+E42</f>
        <v>20210</v>
      </c>
      <c r="F63" s="52">
        <f>F36-F35+F42</f>
        <v>14900</v>
      </c>
      <c r="G63"/>
      <c r="I63" s="53">
        <f>I59</f>
        <v>13567522.309999999</v>
      </c>
    </row>
    <row r="64" spans="1:9">
      <c r="A64"/>
      <c r="B64"/>
      <c r="C64" t="s">
        <v>68</v>
      </c>
      <c r="D64" s="55">
        <f>D35*7/12</f>
        <v>-99013.25</v>
      </c>
      <c r="E64" s="55">
        <f>E35*7/12</f>
        <v>-3343.6666666666665</v>
      </c>
      <c r="F64" s="55">
        <f>F35*7/12</f>
        <v>-2463.4166666666665</v>
      </c>
      <c r="G64"/>
      <c r="I64" s="53">
        <f>I61</f>
        <v>2417393.1466666646</v>
      </c>
    </row>
    <row r="65" spans="1:9">
      <c r="A65"/>
      <c r="B65"/>
      <c r="C65"/>
      <c r="D65" s="52">
        <f>SUM(D63:D64)</f>
        <v>499541.75</v>
      </c>
      <c r="E65" s="52">
        <f>SUM(E63:E64)</f>
        <v>16866.333333333332</v>
      </c>
      <c r="F65" s="52">
        <f>SUM(F63:F64)</f>
        <v>12436.583333333334</v>
      </c>
      <c r="G65"/>
      <c r="I65" s="53">
        <f>I63+I64</f>
        <v>15984915.456666663</v>
      </c>
    </row>
    <row r="66" spans="1:9">
      <c r="A66"/>
      <c r="B66"/>
      <c r="C66"/>
      <c r="D66" s="52"/>
      <c r="E66" s="52"/>
      <c r="F66" s="52"/>
      <c r="G66"/>
    </row>
    <row r="67" spans="1:9">
      <c r="A67"/>
      <c r="B67"/>
      <c r="C67" s="56" t="s">
        <v>70</v>
      </c>
      <c r="D67" s="52">
        <f>D21-D20+D48</f>
        <v>14190</v>
      </c>
      <c r="E67" s="52"/>
      <c r="F67" s="52"/>
      <c r="G67"/>
    </row>
    <row r="68" spans="1:9">
      <c r="A68"/>
      <c r="B68"/>
      <c r="C68" t="s">
        <v>68</v>
      </c>
      <c r="D68" s="52">
        <f>D20*7/12</f>
        <v>262.17333333333335</v>
      </c>
      <c r="E68" s="52"/>
      <c r="F68" s="52"/>
      <c r="G68"/>
    </row>
    <row r="69" spans="1:9">
      <c r="A69"/>
      <c r="B69"/>
      <c r="C69"/>
      <c r="D69" s="52">
        <f>SUM(D67:D68)</f>
        <v>14452.173333333334</v>
      </c>
      <c r="E69" s="52"/>
      <c r="F69" s="52"/>
      <c r="G69"/>
    </row>
    <row r="70" spans="1:9">
      <c r="A70"/>
      <c r="B70"/>
      <c r="C70"/>
      <c r="D70" s="52"/>
      <c r="E70" s="52"/>
      <c r="F70" s="52"/>
      <c r="G70"/>
    </row>
    <row r="71" spans="1:9">
      <c r="A71"/>
      <c r="B71"/>
      <c r="C71"/>
      <c r="D71"/>
      <c r="E71"/>
      <c r="F71" s="69">
        <f>F65+F61+D69+D65+D61</f>
        <v>13567522.309999999</v>
      </c>
      <c r="G71"/>
    </row>
    <row r="72" spans="1:9">
      <c r="A72"/>
      <c r="B72"/>
      <c r="C72"/>
      <c r="D72"/>
      <c r="E72"/>
      <c r="F72"/>
      <c r="G72"/>
    </row>
    <row r="73" spans="1:9">
      <c r="C73" s="57" t="s">
        <v>71</v>
      </c>
      <c r="D73" s="58">
        <f>+D5+D7+D9+D11</f>
        <v>-905157.64</v>
      </c>
      <c r="F73" s="59">
        <v>0</v>
      </c>
      <c r="G73" s="60">
        <f>SUM(D73:F73)</f>
        <v>-905157.64</v>
      </c>
    </row>
    <row r="74" spans="1:9">
      <c r="C74" s="57" t="s">
        <v>72</v>
      </c>
      <c r="D74" s="60">
        <f>-D73*9/12</f>
        <v>678868.23</v>
      </c>
      <c r="F74" s="60">
        <f>-F73*9/12</f>
        <v>0</v>
      </c>
      <c r="G74" s="60">
        <f>SUM(D74:F74)</f>
        <v>678868.23</v>
      </c>
    </row>
    <row r="75" spans="1:9">
      <c r="C75" s="57" t="s">
        <v>73</v>
      </c>
      <c r="D75" s="60">
        <f>D61+D73+D74</f>
        <v>7934728.8833333347</v>
      </c>
      <c r="F75" s="60">
        <f>F58+F73+F74</f>
        <v>3215400.2799999993</v>
      </c>
      <c r="G75" s="60">
        <f>G73+G74</f>
        <v>-226289.41000000003</v>
      </c>
    </row>
    <row r="76" spans="1:9" ht="15.75" thickBot="1">
      <c r="F76" s="61">
        <f>F75+D75</f>
        <v>11150129.163333334</v>
      </c>
    </row>
    <row r="77" spans="1:9" ht="15.75" thickTop="1">
      <c r="A77"/>
      <c r="B77"/>
      <c r="C77"/>
      <c r="D77"/>
      <c r="E77"/>
      <c r="F77"/>
      <c r="G77"/>
    </row>
    <row r="78" spans="1:9">
      <c r="A78"/>
      <c r="B78"/>
      <c r="C78"/>
      <c r="D78"/>
      <c r="E78"/>
      <c r="F78"/>
      <c r="G78"/>
    </row>
    <row r="79" spans="1:9">
      <c r="A79"/>
      <c r="B79"/>
      <c r="C79"/>
      <c r="D79"/>
      <c r="E79"/>
      <c r="F79"/>
      <c r="G79"/>
    </row>
    <row r="80" spans="1:9">
      <c r="A80"/>
      <c r="B80"/>
      <c r="C80"/>
      <c r="D80"/>
      <c r="E80"/>
      <c r="F80"/>
      <c r="G80"/>
    </row>
    <row r="81" spans="1:7">
      <c r="A81"/>
      <c r="B81"/>
      <c r="C81"/>
      <c r="D81"/>
      <c r="E81"/>
      <c r="F81"/>
      <c r="G81"/>
    </row>
    <row r="82" spans="1:7">
      <c r="A82"/>
      <c r="B82"/>
      <c r="C82"/>
      <c r="D82"/>
      <c r="E82"/>
      <c r="F82"/>
      <c r="G82"/>
    </row>
    <row r="83" spans="1:7">
      <c r="A83"/>
      <c r="B83"/>
      <c r="C83"/>
      <c r="D83"/>
      <c r="E83"/>
      <c r="F83"/>
      <c r="G83"/>
    </row>
    <row r="84" spans="1:7">
      <c r="A84"/>
      <c r="B84"/>
      <c r="C84"/>
      <c r="D84"/>
      <c r="E84"/>
      <c r="F84"/>
      <c r="G84"/>
    </row>
    <row r="85" spans="1:7">
      <c r="A85"/>
      <c r="B85"/>
      <c r="C85"/>
      <c r="D85"/>
      <c r="E85"/>
      <c r="F85"/>
      <c r="G85"/>
    </row>
    <row r="86" spans="1:7">
      <c r="A86"/>
      <c r="B86"/>
      <c r="C86"/>
      <c r="D86"/>
      <c r="E86"/>
      <c r="F86"/>
      <c r="G86"/>
    </row>
    <row r="87" spans="1:7">
      <c r="A87"/>
      <c r="B87"/>
      <c r="C87"/>
      <c r="D87"/>
      <c r="E87"/>
      <c r="F87"/>
      <c r="G87"/>
    </row>
  </sheetData>
  <pageMargins left="0.7" right="0.7" top="0.75" bottom="0.75" header="0.3" footer="0.3"/>
  <pageSetup orientation="portrait"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659D361-6784-4096-9BBA-459D588981B9}">
  <sheetPr filterMode="1"/>
  <dimension ref="A1:AB206"/>
  <sheetViews>
    <sheetView workbookViewId="0">
      <selection activeCell="K1" sqref="A1:XFD1048576"/>
    </sheetView>
  </sheetViews>
  <sheetFormatPr defaultColWidth="9.140625" defaultRowHeight="15"/>
  <cols>
    <col min="1" max="1" width="10" style="77" bestFit="1" customWidth="1"/>
    <col min="2" max="2" width="24.7109375" style="83" bestFit="1" customWidth="1"/>
    <col min="3" max="3" width="12.28515625" style="77" bestFit="1" customWidth="1"/>
    <col min="4" max="4" width="20.85546875" style="77" bestFit="1" customWidth="1"/>
    <col min="5" max="5" width="10.7109375" style="77" bestFit="1" customWidth="1"/>
    <col min="6" max="6" width="25.28515625" style="77" bestFit="1" customWidth="1"/>
    <col min="7" max="7" width="12" style="77" bestFit="1" customWidth="1"/>
    <col min="8" max="8" width="8.5703125" style="77" bestFit="1" customWidth="1"/>
    <col min="9" max="9" width="19.85546875" style="77" bestFit="1" customWidth="1"/>
    <col min="10" max="10" width="33.140625" style="77" bestFit="1" customWidth="1"/>
    <col min="11" max="11" width="31" style="84" bestFit="1" customWidth="1"/>
    <col min="12" max="12" width="10" style="77" bestFit="1" customWidth="1"/>
    <col min="13" max="13" width="28.28515625" style="77" bestFit="1" customWidth="1"/>
    <col min="14" max="14" width="20.42578125" style="77" bestFit="1" customWidth="1"/>
    <col min="15" max="15" width="7.28515625" style="77" bestFit="1" customWidth="1"/>
    <col min="16" max="16" width="16.7109375" style="77" bestFit="1" customWidth="1"/>
    <col min="17" max="17" width="9.42578125" style="77" bestFit="1" customWidth="1"/>
    <col min="18" max="18" width="9.5703125" style="77" bestFit="1" customWidth="1"/>
    <col min="19" max="19" width="18.28515625" style="77" bestFit="1" customWidth="1"/>
    <col min="20" max="20" width="11.7109375" style="77" bestFit="1" customWidth="1"/>
    <col min="21" max="21" width="15.42578125" style="77" bestFit="1" customWidth="1"/>
    <col min="22" max="22" width="11.42578125" style="77" bestFit="1" customWidth="1"/>
    <col min="23" max="23" width="20.7109375" style="77" bestFit="1" customWidth="1"/>
    <col min="24" max="24" width="12.5703125" style="77" bestFit="1" customWidth="1"/>
    <col min="25" max="25" width="8" style="77" bestFit="1" customWidth="1"/>
    <col min="26" max="26" width="9" style="77" bestFit="1" customWidth="1"/>
    <col min="27" max="27" width="12.5703125" style="77" bestFit="1" customWidth="1"/>
    <col min="28" max="28" width="14.7109375" style="77" bestFit="1" customWidth="1"/>
    <col min="29" max="16384" width="9.140625" style="77"/>
  </cols>
  <sheetData>
    <row r="1" spans="1:28">
      <c r="A1" s="72" t="s">
        <v>74</v>
      </c>
      <c r="B1" s="73" t="s">
        <v>39</v>
      </c>
      <c r="C1" s="74" t="s">
        <v>38</v>
      </c>
      <c r="D1" s="74" t="s">
        <v>75</v>
      </c>
      <c r="E1" s="74" t="s">
        <v>76</v>
      </c>
      <c r="F1" s="74" t="s">
        <v>77</v>
      </c>
      <c r="G1" s="74" t="s">
        <v>78</v>
      </c>
      <c r="H1" s="74" t="s">
        <v>79</v>
      </c>
      <c r="I1" s="74" t="s">
        <v>80</v>
      </c>
      <c r="J1" s="74" t="s">
        <v>81</v>
      </c>
      <c r="K1" s="75" t="s">
        <v>82</v>
      </c>
      <c r="L1" s="74" t="s">
        <v>83</v>
      </c>
      <c r="M1" s="74" t="s">
        <v>84</v>
      </c>
      <c r="N1" s="74" t="s">
        <v>85</v>
      </c>
      <c r="O1" s="74" t="s">
        <v>86</v>
      </c>
      <c r="P1" s="74" t="s">
        <v>87</v>
      </c>
      <c r="Q1" s="74" t="s">
        <v>88</v>
      </c>
      <c r="R1" s="74" t="s">
        <v>89</v>
      </c>
      <c r="S1" s="74" t="s">
        <v>90</v>
      </c>
      <c r="T1" s="74" t="s">
        <v>91</v>
      </c>
      <c r="U1" s="74" t="s">
        <v>92</v>
      </c>
      <c r="V1" s="74" t="s">
        <v>93</v>
      </c>
      <c r="W1" s="74" t="s">
        <v>94</v>
      </c>
      <c r="X1" s="74" t="s">
        <v>95</v>
      </c>
      <c r="Y1" s="74" t="s">
        <v>96</v>
      </c>
      <c r="Z1" s="74" t="s">
        <v>97</v>
      </c>
      <c r="AA1" s="74" t="s">
        <v>98</v>
      </c>
      <c r="AB1" s="76" t="s">
        <v>99</v>
      </c>
    </row>
    <row r="2" spans="1:28">
      <c r="A2" s="78" t="s">
        <v>40</v>
      </c>
      <c r="B2" s="79">
        <v>45530</v>
      </c>
      <c r="C2" s="80" t="s">
        <v>45</v>
      </c>
      <c r="D2" s="80">
        <v>8</v>
      </c>
      <c r="E2" s="80">
        <v>2024</v>
      </c>
      <c r="F2" s="80" t="s">
        <v>52</v>
      </c>
      <c r="G2" s="80" t="s">
        <v>100</v>
      </c>
      <c r="H2" s="80" t="s">
        <v>101</v>
      </c>
      <c r="I2" s="80" t="s">
        <v>102</v>
      </c>
      <c r="J2" s="80" t="s">
        <v>103</v>
      </c>
      <c r="K2" s="80">
        <v>7431.19</v>
      </c>
      <c r="L2" s="80" t="s">
        <v>104</v>
      </c>
      <c r="M2" s="80" t="s">
        <v>104</v>
      </c>
      <c r="N2" s="80" t="s">
        <v>105</v>
      </c>
      <c r="O2" s="80" t="s">
        <v>106</v>
      </c>
      <c r="P2" s="80" t="s">
        <v>107</v>
      </c>
      <c r="Q2" s="80" t="s">
        <v>108</v>
      </c>
      <c r="R2" s="80" t="s">
        <v>109</v>
      </c>
      <c r="S2" s="80" t="s">
        <v>110</v>
      </c>
      <c r="T2" s="80" t="s">
        <v>104</v>
      </c>
      <c r="U2" s="80" t="s">
        <v>111</v>
      </c>
      <c r="V2" s="80" t="s">
        <v>112</v>
      </c>
      <c r="W2" s="80">
        <v>1</v>
      </c>
      <c r="X2" s="80" t="s">
        <v>113</v>
      </c>
      <c r="Y2" s="80" t="s">
        <v>114</v>
      </c>
      <c r="Z2" s="80" t="s">
        <v>104</v>
      </c>
      <c r="AA2" s="80" t="s">
        <v>115</v>
      </c>
      <c r="AB2" s="81" t="s">
        <v>116</v>
      </c>
    </row>
    <row r="3" spans="1:28">
      <c r="A3" s="78" t="s">
        <v>40</v>
      </c>
      <c r="B3" s="79">
        <v>45322</v>
      </c>
      <c r="C3" s="80" t="s">
        <v>45</v>
      </c>
      <c r="D3" s="80">
        <v>1</v>
      </c>
      <c r="E3" s="80">
        <v>2024</v>
      </c>
      <c r="F3" s="80" t="s">
        <v>54</v>
      </c>
      <c r="G3" s="80" t="s">
        <v>100</v>
      </c>
      <c r="H3" s="80" t="s">
        <v>117</v>
      </c>
      <c r="I3" s="80" t="s">
        <v>102</v>
      </c>
      <c r="J3" s="80" t="s">
        <v>103</v>
      </c>
      <c r="K3" s="80">
        <v>1134</v>
      </c>
      <c r="L3" s="80" t="s">
        <v>104</v>
      </c>
      <c r="M3" s="80" t="s">
        <v>104</v>
      </c>
      <c r="N3" s="80" t="s">
        <v>105</v>
      </c>
      <c r="O3" s="80" t="s">
        <v>106</v>
      </c>
      <c r="P3" s="80" t="s">
        <v>107</v>
      </c>
      <c r="Q3" s="80" t="s">
        <v>108</v>
      </c>
      <c r="R3" s="80" t="s">
        <v>109</v>
      </c>
      <c r="S3" s="80" t="s">
        <v>110</v>
      </c>
      <c r="T3" s="80" t="s">
        <v>104</v>
      </c>
      <c r="U3" s="80" t="s">
        <v>111</v>
      </c>
      <c r="V3" s="80" t="s">
        <v>118</v>
      </c>
      <c r="W3" s="80">
        <v>1</v>
      </c>
      <c r="X3" s="80" t="s">
        <v>113</v>
      </c>
      <c r="Y3" s="80" t="s">
        <v>114</v>
      </c>
      <c r="Z3" s="80" t="s">
        <v>104</v>
      </c>
      <c r="AA3" s="80" t="s">
        <v>119</v>
      </c>
      <c r="AB3" s="81" t="s">
        <v>120</v>
      </c>
    </row>
    <row r="4" spans="1:28">
      <c r="A4" s="78" t="s">
        <v>40</v>
      </c>
      <c r="B4" s="79">
        <v>45351</v>
      </c>
      <c r="C4" s="80" t="s">
        <v>45</v>
      </c>
      <c r="D4" s="80">
        <v>2</v>
      </c>
      <c r="E4" s="80">
        <v>2024</v>
      </c>
      <c r="F4" s="80" t="s">
        <v>54</v>
      </c>
      <c r="G4" s="80" t="s">
        <v>100</v>
      </c>
      <c r="H4" s="80" t="s">
        <v>117</v>
      </c>
      <c r="I4" s="80" t="s">
        <v>102</v>
      </c>
      <c r="J4" s="80" t="s">
        <v>103</v>
      </c>
      <c r="K4" s="80">
        <v>1134</v>
      </c>
      <c r="L4" s="80" t="s">
        <v>104</v>
      </c>
      <c r="M4" s="80" t="s">
        <v>104</v>
      </c>
      <c r="N4" s="80" t="s">
        <v>105</v>
      </c>
      <c r="O4" s="80" t="s">
        <v>106</v>
      </c>
      <c r="P4" s="80" t="s">
        <v>107</v>
      </c>
      <c r="Q4" s="80" t="s">
        <v>108</v>
      </c>
      <c r="R4" s="80" t="s">
        <v>109</v>
      </c>
      <c r="S4" s="80" t="s">
        <v>110</v>
      </c>
      <c r="T4" s="80" t="s">
        <v>104</v>
      </c>
      <c r="U4" s="80" t="s">
        <v>111</v>
      </c>
      <c r="V4" s="80" t="s">
        <v>121</v>
      </c>
      <c r="W4" s="80">
        <v>1</v>
      </c>
      <c r="X4" s="80" t="s">
        <v>113</v>
      </c>
      <c r="Y4" s="80" t="s">
        <v>114</v>
      </c>
      <c r="Z4" s="80" t="s">
        <v>104</v>
      </c>
      <c r="AA4" s="80" t="s">
        <v>119</v>
      </c>
      <c r="AB4" s="81" t="s">
        <v>120</v>
      </c>
    </row>
    <row r="5" spans="1:28">
      <c r="A5" s="78" t="s">
        <v>40</v>
      </c>
      <c r="B5" s="79">
        <v>45382</v>
      </c>
      <c r="C5" s="80" t="s">
        <v>45</v>
      </c>
      <c r="D5" s="80">
        <v>3</v>
      </c>
      <c r="E5" s="80">
        <v>2024</v>
      </c>
      <c r="F5" s="80" t="s">
        <v>54</v>
      </c>
      <c r="G5" s="80" t="s">
        <v>100</v>
      </c>
      <c r="H5" s="80" t="s">
        <v>122</v>
      </c>
      <c r="I5" s="80" t="s">
        <v>102</v>
      </c>
      <c r="J5" s="80" t="s">
        <v>103</v>
      </c>
      <c r="K5" s="80">
        <v>1134</v>
      </c>
      <c r="L5" s="80" t="s">
        <v>104</v>
      </c>
      <c r="M5" s="80" t="s">
        <v>104</v>
      </c>
      <c r="N5" s="80" t="s">
        <v>105</v>
      </c>
      <c r="O5" s="80" t="s">
        <v>106</v>
      </c>
      <c r="P5" s="80" t="s">
        <v>107</v>
      </c>
      <c r="Q5" s="80" t="s">
        <v>108</v>
      </c>
      <c r="R5" s="80" t="s">
        <v>109</v>
      </c>
      <c r="S5" s="80" t="s">
        <v>110</v>
      </c>
      <c r="T5" s="80" t="s">
        <v>104</v>
      </c>
      <c r="U5" s="80" t="s">
        <v>111</v>
      </c>
      <c r="V5" s="80" t="s">
        <v>123</v>
      </c>
      <c r="W5" s="80">
        <v>1</v>
      </c>
      <c r="X5" s="80" t="s">
        <v>124</v>
      </c>
      <c r="Y5" s="80" t="s">
        <v>125</v>
      </c>
      <c r="Z5" s="80" t="s">
        <v>104</v>
      </c>
      <c r="AA5" s="80" t="s">
        <v>119</v>
      </c>
      <c r="AB5" s="81" t="s">
        <v>120</v>
      </c>
    </row>
    <row r="6" spans="1:28">
      <c r="A6" s="78" t="s">
        <v>40</v>
      </c>
      <c r="B6" s="79">
        <v>45412</v>
      </c>
      <c r="C6" s="80" t="s">
        <v>45</v>
      </c>
      <c r="D6" s="80">
        <v>4</v>
      </c>
      <c r="E6" s="80">
        <v>2024</v>
      </c>
      <c r="F6" s="80" t="s">
        <v>54</v>
      </c>
      <c r="G6" s="80" t="s">
        <v>100</v>
      </c>
      <c r="H6" s="80" t="s">
        <v>122</v>
      </c>
      <c r="I6" s="80" t="s">
        <v>102</v>
      </c>
      <c r="J6" s="80" t="s">
        <v>103</v>
      </c>
      <c r="K6" s="80">
        <v>1134</v>
      </c>
      <c r="L6" s="80" t="s">
        <v>104</v>
      </c>
      <c r="M6" s="80" t="s">
        <v>104</v>
      </c>
      <c r="N6" s="80" t="s">
        <v>105</v>
      </c>
      <c r="O6" s="80" t="s">
        <v>106</v>
      </c>
      <c r="P6" s="80" t="s">
        <v>107</v>
      </c>
      <c r="Q6" s="80" t="s">
        <v>108</v>
      </c>
      <c r="R6" s="80" t="s">
        <v>109</v>
      </c>
      <c r="S6" s="80" t="s">
        <v>110</v>
      </c>
      <c r="T6" s="80" t="s">
        <v>104</v>
      </c>
      <c r="U6" s="80" t="s">
        <v>111</v>
      </c>
      <c r="V6" s="80" t="s">
        <v>126</v>
      </c>
      <c r="W6" s="80">
        <v>1</v>
      </c>
      <c r="X6" s="80" t="s">
        <v>124</v>
      </c>
      <c r="Y6" s="80" t="s">
        <v>127</v>
      </c>
      <c r="Z6" s="80" t="s">
        <v>104</v>
      </c>
      <c r="AA6" s="80" t="s">
        <v>119</v>
      </c>
      <c r="AB6" s="81" t="s">
        <v>120</v>
      </c>
    </row>
    <row r="7" spans="1:28">
      <c r="A7" s="78" t="s">
        <v>40</v>
      </c>
      <c r="B7" s="79">
        <v>45443</v>
      </c>
      <c r="C7" s="80" t="s">
        <v>45</v>
      </c>
      <c r="D7" s="80">
        <v>5</v>
      </c>
      <c r="E7" s="80">
        <v>2024</v>
      </c>
      <c r="F7" s="80" t="s">
        <v>54</v>
      </c>
      <c r="G7" s="80" t="s">
        <v>100</v>
      </c>
      <c r="H7" s="80" t="s">
        <v>122</v>
      </c>
      <c r="I7" s="80" t="s">
        <v>102</v>
      </c>
      <c r="J7" s="80" t="s">
        <v>103</v>
      </c>
      <c r="K7" s="80">
        <v>1134</v>
      </c>
      <c r="L7" s="80" t="s">
        <v>104</v>
      </c>
      <c r="M7" s="80" t="s">
        <v>104</v>
      </c>
      <c r="N7" s="80" t="s">
        <v>105</v>
      </c>
      <c r="O7" s="80" t="s">
        <v>106</v>
      </c>
      <c r="P7" s="80" t="s">
        <v>107</v>
      </c>
      <c r="Q7" s="80" t="s">
        <v>108</v>
      </c>
      <c r="R7" s="80" t="s">
        <v>109</v>
      </c>
      <c r="S7" s="80" t="s">
        <v>110</v>
      </c>
      <c r="T7" s="80" t="s">
        <v>104</v>
      </c>
      <c r="U7" s="80" t="s">
        <v>111</v>
      </c>
      <c r="V7" s="80" t="s">
        <v>128</v>
      </c>
      <c r="W7" s="80">
        <v>1</v>
      </c>
      <c r="X7" s="80" t="s">
        <v>124</v>
      </c>
      <c r="Y7" s="80" t="s">
        <v>129</v>
      </c>
      <c r="Z7" s="80" t="s">
        <v>104</v>
      </c>
      <c r="AA7" s="80" t="s">
        <v>119</v>
      </c>
      <c r="AB7" s="81" t="s">
        <v>120</v>
      </c>
    </row>
    <row r="8" spans="1:28">
      <c r="A8" s="78" t="s">
        <v>40</v>
      </c>
      <c r="B8" s="79">
        <v>45473</v>
      </c>
      <c r="C8" s="80" t="s">
        <v>45</v>
      </c>
      <c r="D8" s="80">
        <v>6</v>
      </c>
      <c r="E8" s="80">
        <v>2024</v>
      </c>
      <c r="F8" s="80" t="s">
        <v>54</v>
      </c>
      <c r="G8" s="80" t="s">
        <v>100</v>
      </c>
      <c r="H8" s="80" t="s">
        <v>117</v>
      </c>
      <c r="I8" s="80" t="s">
        <v>102</v>
      </c>
      <c r="J8" s="80" t="s">
        <v>103</v>
      </c>
      <c r="K8" s="80">
        <v>1134</v>
      </c>
      <c r="L8" s="80" t="s">
        <v>104</v>
      </c>
      <c r="M8" s="80" t="s">
        <v>104</v>
      </c>
      <c r="N8" s="80" t="s">
        <v>105</v>
      </c>
      <c r="O8" s="80" t="s">
        <v>106</v>
      </c>
      <c r="P8" s="80" t="s">
        <v>107</v>
      </c>
      <c r="Q8" s="80" t="s">
        <v>108</v>
      </c>
      <c r="R8" s="80" t="s">
        <v>109</v>
      </c>
      <c r="S8" s="80" t="s">
        <v>110</v>
      </c>
      <c r="T8" s="80" t="s">
        <v>104</v>
      </c>
      <c r="U8" s="80" t="s">
        <v>111</v>
      </c>
      <c r="V8" s="80" t="s">
        <v>130</v>
      </c>
      <c r="W8" s="80">
        <v>1</v>
      </c>
      <c r="X8" s="80" t="s">
        <v>113</v>
      </c>
      <c r="Y8" s="80" t="s">
        <v>114</v>
      </c>
      <c r="Z8" s="80" t="s">
        <v>104</v>
      </c>
      <c r="AA8" s="80" t="s">
        <v>119</v>
      </c>
      <c r="AB8" s="81" t="s">
        <v>120</v>
      </c>
    </row>
    <row r="9" spans="1:28">
      <c r="A9" s="78" t="s">
        <v>40</v>
      </c>
      <c r="B9" s="79">
        <v>45504</v>
      </c>
      <c r="C9" s="80" t="s">
        <v>45</v>
      </c>
      <c r="D9" s="80">
        <v>7</v>
      </c>
      <c r="E9" s="80">
        <v>2024</v>
      </c>
      <c r="F9" s="80" t="s">
        <v>54</v>
      </c>
      <c r="G9" s="80" t="s">
        <v>100</v>
      </c>
      <c r="H9" s="80" t="s">
        <v>117</v>
      </c>
      <c r="I9" s="80" t="s">
        <v>102</v>
      </c>
      <c r="J9" s="80" t="s">
        <v>103</v>
      </c>
      <c r="K9" s="80">
        <v>1134</v>
      </c>
      <c r="L9" s="80" t="s">
        <v>104</v>
      </c>
      <c r="M9" s="80" t="s">
        <v>104</v>
      </c>
      <c r="N9" s="80" t="s">
        <v>105</v>
      </c>
      <c r="O9" s="80" t="s">
        <v>106</v>
      </c>
      <c r="P9" s="80" t="s">
        <v>107</v>
      </c>
      <c r="Q9" s="80" t="s">
        <v>108</v>
      </c>
      <c r="R9" s="80" t="s">
        <v>109</v>
      </c>
      <c r="S9" s="80" t="s">
        <v>110</v>
      </c>
      <c r="T9" s="80" t="s">
        <v>104</v>
      </c>
      <c r="U9" s="80" t="s">
        <v>111</v>
      </c>
      <c r="V9" s="80" t="s">
        <v>131</v>
      </c>
      <c r="W9" s="80">
        <v>1</v>
      </c>
      <c r="X9" s="80" t="s">
        <v>113</v>
      </c>
      <c r="Y9" s="80" t="s">
        <v>114</v>
      </c>
      <c r="Z9" s="80" t="s">
        <v>104</v>
      </c>
      <c r="AA9" s="80" t="s">
        <v>119</v>
      </c>
      <c r="AB9" s="81" t="s">
        <v>120</v>
      </c>
    </row>
    <row r="10" spans="1:28">
      <c r="A10" s="78" t="s">
        <v>40</v>
      </c>
      <c r="B10" s="79">
        <v>45535</v>
      </c>
      <c r="C10" s="80" t="s">
        <v>45</v>
      </c>
      <c r="D10" s="80">
        <v>8</v>
      </c>
      <c r="E10" s="80">
        <v>2024</v>
      </c>
      <c r="F10" s="80" t="s">
        <v>54</v>
      </c>
      <c r="G10" s="80" t="s">
        <v>100</v>
      </c>
      <c r="H10" s="80" t="s">
        <v>117</v>
      </c>
      <c r="I10" s="80" t="s">
        <v>102</v>
      </c>
      <c r="J10" s="80" t="s">
        <v>103</v>
      </c>
      <c r="K10" s="80">
        <v>1134</v>
      </c>
      <c r="L10" s="80" t="s">
        <v>104</v>
      </c>
      <c r="M10" s="80" t="s">
        <v>104</v>
      </c>
      <c r="N10" s="80" t="s">
        <v>105</v>
      </c>
      <c r="O10" s="80" t="s">
        <v>106</v>
      </c>
      <c r="P10" s="80" t="s">
        <v>107</v>
      </c>
      <c r="Q10" s="80" t="s">
        <v>108</v>
      </c>
      <c r="R10" s="80" t="s">
        <v>109</v>
      </c>
      <c r="S10" s="80" t="s">
        <v>110</v>
      </c>
      <c r="T10" s="80" t="s">
        <v>104</v>
      </c>
      <c r="U10" s="80" t="s">
        <v>111</v>
      </c>
      <c r="V10" s="80" t="s">
        <v>132</v>
      </c>
      <c r="W10" s="80">
        <v>1</v>
      </c>
      <c r="X10" s="80" t="s">
        <v>113</v>
      </c>
      <c r="Y10" s="80" t="s">
        <v>114</v>
      </c>
      <c r="Z10" s="80" t="s">
        <v>104</v>
      </c>
      <c r="AA10" s="80" t="s">
        <v>119</v>
      </c>
      <c r="AB10" s="81" t="s">
        <v>120</v>
      </c>
    </row>
    <row r="11" spans="1:28">
      <c r="A11" s="78" t="s">
        <v>40</v>
      </c>
      <c r="B11" s="79">
        <v>45565</v>
      </c>
      <c r="C11" s="80" t="s">
        <v>45</v>
      </c>
      <c r="D11" s="80">
        <v>9</v>
      </c>
      <c r="E11" s="80">
        <v>2024</v>
      </c>
      <c r="F11" s="80" t="s">
        <v>54</v>
      </c>
      <c r="G11" s="80" t="s">
        <v>100</v>
      </c>
      <c r="H11" s="80" t="s">
        <v>117</v>
      </c>
      <c r="I11" s="80" t="s">
        <v>102</v>
      </c>
      <c r="J11" s="80" t="s">
        <v>103</v>
      </c>
      <c r="K11" s="80">
        <v>1134</v>
      </c>
      <c r="L11" s="80" t="s">
        <v>104</v>
      </c>
      <c r="M11" s="80" t="s">
        <v>104</v>
      </c>
      <c r="N11" s="80" t="s">
        <v>105</v>
      </c>
      <c r="O11" s="80" t="s">
        <v>106</v>
      </c>
      <c r="P11" s="80" t="s">
        <v>107</v>
      </c>
      <c r="Q11" s="80" t="s">
        <v>108</v>
      </c>
      <c r="R11" s="80" t="s">
        <v>109</v>
      </c>
      <c r="S11" s="80" t="s">
        <v>110</v>
      </c>
      <c r="T11" s="80" t="s">
        <v>104</v>
      </c>
      <c r="U11" s="80" t="s">
        <v>111</v>
      </c>
      <c r="V11" s="80" t="s">
        <v>133</v>
      </c>
      <c r="W11" s="80">
        <v>1</v>
      </c>
      <c r="X11" s="80" t="s">
        <v>113</v>
      </c>
      <c r="Y11" s="80" t="s">
        <v>114</v>
      </c>
      <c r="Z11" s="80" t="s">
        <v>104</v>
      </c>
      <c r="AA11" s="80" t="s">
        <v>119</v>
      </c>
      <c r="AB11" s="81" t="s">
        <v>120</v>
      </c>
    </row>
    <row r="12" spans="1:28">
      <c r="A12" s="78" t="s">
        <v>40</v>
      </c>
      <c r="B12" s="79">
        <v>45596</v>
      </c>
      <c r="C12" s="80" t="s">
        <v>45</v>
      </c>
      <c r="D12" s="80">
        <v>10</v>
      </c>
      <c r="E12" s="80">
        <v>2024</v>
      </c>
      <c r="F12" s="80" t="s">
        <v>54</v>
      </c>
      <c r="G12" s="80" t="s">
        <v>100</v>
      </c>
      <c r="H12" s="80" t="s">
        <v>117</v>
      </c>
      <c r="I12" s="80" t="s">
        <v>102</v>
      </c>
      <c r="J12" s="80" t="s">
        <v>103</v>
      </c>
      <c r="K12" s="80">
        <v>1134</v>
      </c>
      <c r="L12" s="80" t="s">
        <v>104</v>
      </c>
      <c r="M12" s="80" t="s">
        <v>104</v>
      </c>
      <c r="N12" s="80" t="s">
        <v>105</v>
      </c>
      <c r="O12" s="80" t="s">
        <v>106</v>
      </c>
      <c r="P12" s="80" t="s">
        <v>107</v>
      </c>
      <c r="Q12" s="80" t="s">
        <v>108</v>
      </c>
      <c r="R12" s="80" t="s">
        <v>109</v>
      </c>
      <c r="S12" s="80" t="s">
        <v>110</v>
      </c>
      <c r="T12" s="80" t="s">
        <v>104</v>
      </c>
      <c r="U12" s="80" t="s">
        <v>111</v>
      </c>
      <c r="V12" s="80" t="s">
        <v>134</v>
      </c>
      <c r="W12" s="80">
        <v>1</v>
      </c>
      <c r="X12" s="80" t="s">
        <v>113</v>
      </c>
      <c r="Y12" s="80" t="s">
        <v>114</v>
      </c>
      <c r="Z12" s="80" t="s">
        <v>104</v>
      </c>
      <c r="AA12" s="80" t="s">
        <v>119</v>
      </c>
      <c r="AB12" s="81" t="s">
        <v>120</v>
      </c>
    </row>
    <row r="13" spans="1:28">
      <c r="A13" s="78" t="s">
        <v>40</v>
      </c>
      <c r="B13" s="79">
        <v>45626</v>
      </c>
      <c r="C13" s="80" t="s">
        <v>45</v>
      </c>
      <c r="D13" s="80">
        <v>11</v>
      </c>
      <c r="E13" s="80">
        <v>2024</v>
      </c>
      <c r="F13" s="80" t="s">
        <v>54</v>
      </c>
      <c r="G13" s="80" t="s">
        <v>100</v>
      </c>
      <c r="H13" s="80" t="s">
        <v>117</v>
      </c>
      <c r="I13" s="80" t="s">
        <v>102</v>
      </c>
      <c r="J13" s="80" t="s">
        <v>103</v>
      </c>
      <c r="K13" s="80">
        <v>1134</v>
      </c>
      <c r="L13" s="80" t="s">
        <v>104</v>
      </c>
      <c r="M13" s="80" t="s">
        <v>104</v>
      </c>
      <c r="N13" s="80" t="s">
        <v>105</v>
      </c>
      <c r="O13" s="80" t="s">
        <v>106</v>
      </c>
      <c r="P13" s="80" t="s">
        <v>107</v>
      </c>
      <c r="Q13" s="80" t="s">
        <v>108</v>
      </c>
      <c r="R13" s="80" t="s">
        <v>109</v>
      </c>
      <c r="S13" s="80" t="s">
        <v>110</v>
      </c>
      <c r="T13" s="80" t="s">
        <v>104</v>
      </c>
      <c r="U13" s="80" t="s">
        <v>111</v>
      </c>
      <c r="V13" s="80" t="s">
        <v>135</v>
      </c>
      <c r="W13" s="80">
        <v>1</v>
      </c>
      <c r="X13" s="80" t="s">
        <v>113</v>
      </c>
      <c r="Y13" s="80" t="s">
        <v>114</v>
      </c>
      <c r="Z13" s="80" t="s">
        <v>104</v>
      </c>
      <c r="AA13" s="80" t="s">
        <v>119</v>
      </c>
      <c r="AB13" s="81" t="s">
        <v>120</v>
      </c>
    </row>
    <row r="14" spans="1:28">
      <c r="A14" s="78" t="s">
        <v>40</v>
      </c>
      <c r="B14" s="79">
        <v>45656</v>
      </c>
      <c r="C14" s="80" t="s">
        <v>48</v>
      </c>
      <c r="D14" s="80">
        <v>12</v>
      </c>
      <c r="E14" s="80">
        <v>2024</v>
      </c>
      <c r="F14" s="80" t="s">
        <v>54</v>
      </c>
      <c r="G14" s="80" t="s">
        <v>100</v>
      </c>
      <c r="H14" s="80" t="s">
        <v>136</v>
      </c>
      <c r="I14" s="80" t="s">
        <v>102</v>
      </c>
      <c r="J14" s="80" t="s">
        <v>103</v>
      </c>
      <c r="K14" s="82">
        <v>449.44</v>
      </c>
      <c r="L14" s="80" t="s">
        <v>104</v>
      </c>
      <c r="M14" s="80" t="s">
        <v>104</v>
      </c>
      <c r="N14" s="80" t="s">
        <v>105</v>
      </c>
      <c r="O14" s="80" t="s">
        <v>106</v>
      </c>
      <c r="P14" s="80" t="s">
        <v>107</v>
      </c>
      <c r="Q14" s="80" t="s">
        <v>108</v>
      </c>
      <c r="R14" s="80" t="s">
        <v>109</v>
      </c>
      <c r="S14" s="80" t="s">
        <v>110</v>
      </c>
      <c r="T14" s="80" t="s">
        <v>104</v>
      </c>
      <c r="U14" s="80" t="s">
        <v>111</v>
      </c>
      <c r="V14" s="80" t="s">
        <v>137</v>
      </c>
      <c r="W14" s="80">
        <v>7</v>
      </c>
      <c r="X14" s="80" t="s">
        <v>124</v>
      </c>
      <c r="Y14" s="80" t="s">
        <v>138</v>
      </c>
      <c r="Z14" s="80" t="s">
        <v>104</v>
      </c>
      <c r="AA14" s="80" t="s">
        <v>115</v>
      </c>
      <c r="AB14" s="81" t="s">
        <v>100</v>
      </c>
    </row>
    <row r="15" spans="1:28">
      <c r="A15" s="78" t="s">
        <v>40</v>
      </c>
      <c r="B15" s="79">
        <v>45657</v>
      </c>
      <c r="C15" s="80" t="s">
        <v>45</v>
      </c>
      <c r="D15" s="80">
        <v>12</v>
      </c>
      <c r="E15" s="80">
        <v>2024</v>
      </c>
      <c r="F15" s="80" t="s">
        <v>54</v>
      </c>
      <c r="G15" s="80" t="s">
        <v>100</v>
      </c>
      <c r="H15" s="80" t="s">
        <v>117</v>
      </c>
      <c r="I15" s="80" t="s">
        <v>102</v>
      </c>
      <c r="J15" s="80" t="s">
        <v>103</v>
      </c>
      <c r="K15" s="80">
        <v>1136</v>
      </c>
      <c r="L15" s="80" t="s">
        <v>104</v>
      </c>
      <c r="M15" s="80" t="s">
        <v>104</v>
      </c>
      <c r="N15" s="80" t="s">
        <v>105</v>
      </c>
      <c r="O15" s="80" t="s">
        <v>106</v>
      </c>
      <c r="P15" s="80" t="s">
        <v>107</v>
      </c>
      <c r="Q15" s="80" t="s">
        <v>108</v>
      </c>
      <c r="R15" s="80" t="s">
        <v>109</v>
      </c>
      <c r="S15" s="80" t="s">
        <v>110</v>
      </c>
      <c r="T15" s="80" t="s">
        <v>104</v>
      </c>
      <c r="U15" s="80" t="s">
        <v>111</v>
      </c>
      <c r="V15" s="80" t="s">
        <v>139</v>
      </c>
      <c r="W15" s="80">
        <v>1</v>
      </c>
      <c r="X15" s="80" t="s">
        <v>113</v>
      </c>
      <c r="Y15" s="80" t="s">
        <v>114</v>
      </c>
      <c r="Z15" s="80" t="s">
        <v>104</v>
      </c>
      <c r="AA15" s="80" t="s">
        <v>119</v>
      </c>
      <c r="AB15" s="81" t="s">
        <v>120</v>
      </c>
    </row>
    <row r="16" spans="1:28">
      <c r="A16" s="78" t="s">
        <v>40</v>
      </c>
      <c r="B16" s="79">
        <v>45528</v>
      </c>
      <c r="C16" s="80" t="s">
        <v>45</v>
      </c>
      <c r="D16" s="80">
        <v>8</v>
      </c>
      <c r="E16" s="80">
        <v>2024</v>
      </c>
      <c r="F16" s="80" t="s">
        <v>50</v>
      </c>
      <c r="G16" s="80" t="s">
        <v>140</v>
      </c>
      <c r="H16" s="80" t="s">
        <v>141</v>
      </c>
      <c r="I16" s="80" t="s">
        <v>102</v>
      </c>
      <c r="J16" s="80" t="s">
        <v>103</v>
      </c>
      <c r="K16" s="80">
        <v>-187829.58</v>
      </c>
      <c r="L16" s="80" t="s">
        <v>104</v>
      </c>
      <c r="M16" s="80" t="s">
        <v>104</v>
      </c>
      <c r="N16" s="80" t="s">
        <v>105</v>
      </c>
      <c r="O16" s="80" t="s">
        <v>106</v>
      </c>
      <c r="P16" s="80" t="s">
        <v>142</v>
      </c>
      <c r="Q16" s="80" t="s">
        <v>108</v>
      </c>
      <c r="R16" s="80" t="s">
        <v>109</v>
      </c>
      <c r="S16" s="80" t="s">
        <v>110</v>
      </c>
      <c r="T16" s="80" t="s">
        <v>104</v>
      </c>
      <c r="U16" s="80" t="s">
        <v>111</v>
      </c>
      <c r="V16" s="80" t="s">
        <v>143</v>
      </c>
      <c r="W16" s="80">
        <v>1</v>
      </c>
      <c r="X16" s="80" t="s">
        <v>113</v>
      </c>
      <c r="Y16" s="80" t="s">
        <v>114</v>
      </c>
      <c r="Z16" s="80" t="s">
        <v>104</v>
      </c>
      <c r="AA16" s="80" t="s">
        <v>115</v>
      </c>
      <c r="AB16" s="81" t="s">
        <v>144</v>
      </c>
    </row>
    <row r="17" spans="1:28">
      <c r="A17" s="78" t="s">
        <v>41</v>
      </c>
      <c r="B17" s="79">
        <v>45528</v>
      </c>
      <c r="C17" s="80" t="s">
        <v>45</v>
      </c>
      <c r="D17" s="80">
        <v>8</v>
      </c>
      <c r="E17" s="80">
        <v>2024</v>
      </c>
      <c r="F17" s="80" t="s">
        <v>50</v>
      </c>
      <c r="G17" s="80" t="s">
        <v>140</v>
      </c>
      <c r="H17" s="80" t="s">
        <v>141</v>
      </c>
      <c r="I17" s="80" t="s">
        <v>102</v>
      </c>
      <c r="J17" s="80" t="s">
        <v>103</v>
      </c>
      <c r="K17" s="80">
        <v>-5726.79</v>
      </c>
      <c r="L17" s="80" t="s">
        <v>104</v>
      </c>
      <c r="M17" s="80" t="s">
        <v>104</v>
      </c>
      <c r="N17" s="80" t="s">
        <v>105</v>
      </c>
      <c r="O17" s="80" t="s">
        <v>145</v>
      </c>
      <c r="P17" s="80" t="s">
        <v>142</v>
      </c>
      <c r="Q17" s="80" t="s">
        <v>108</v>
      </c>
      <c r="R17" s="80" t="s">
        <v>109</v>
      </c>
      <c r="S17" s="80" t="s">
        <v>110</v>
      </c>
      <c r="T17" s="80" t="s">
        <v>104</v>
      </c>
      <c r="U17" s="80" t="s">
        <v>111</v>
      </c>
      <c r="V17" s="80" t="s">
        <v>146</v>
      </c>
      <c r="W17" s="80">
        <v>3</v>
      </c>
      <c r="X17" s="80" t="s">
        <v>113</v>
      </c>
      <c r="Y17" s="80" t="s">
        <v>114</v>
      </c>
      <c r="Z17" s="80" t="s">
        <v>104</v>
      </c>
      <c r="AA17" s="80" t="s">
        <v>115</v>
      </c>
      <c r="AB17" s="81" t="s">
        <v>147</v>
      </c>
    </row>
    <row r="18" spans="1:28">
      <c r="A18" s="78" t="s">
        <v>42</v>
      </c>
      <c r="B18" s="79">
        <v>45528</v>
      </c>
      <c r="C18" s="80" t="s">
        <v>45</v>
      </c>
      <c r="D18" s="80">
        <v>8</v>
      </c>
      <c r="E18" s="80">
        <v>2024</v>
      </c>
      <c r="F18" s="80" t="s">
        <v>50</v>
      </c>
      <c r="G18" s="80" t="s">
        <v>140</v>
      </c>
      <c r="H18" s="80" t="s">
        <v>141</v>
      </c>
      <c r="I18" s="80" t="s">
        <v>102</v>
      </c>
      <c r="J18" s="80" t="s">
        <v>103</v>
      </c>
      <c r="K18" s="80">
        <v>-178906.73</v>
      </c>
      <c r="L18" s="80" t="s">
        <v>104</v>
      </c>
      <c r="M18" s="80" t="s">
        <v>104</v>
      </c>
      <c r="N18" s="80" t="s">
        <v>105</v>
      </c>
      <c r="O18" s="80" t="s">
        <v>148</v>
      </c>
      <c r="P18" s="80" t="s">
        <v>142</v>
      </c>
      <c r="Q18" s="80" t="s">
        <v>108</v>
      </c>
      <c r="R18" s="80" t="s">
        <v>109</v>
      </c>
      <c r="S18" s="80" t="s">
        <v>110</v>
      </c>
      <c r="T18" s="80" t="s">
        <v>104</v>
      </c>
      <c r="U18" s="80" t="s">
        <v>111</v>
      </c>
      <c r="V18" s="80" t="s">
        <v>149</v>
      </c>
      <c r="W18" s="80">
        <v>5</v>
      </c>
      <c r="X18" s="80" t="s">
        <v>113</v>
      </c>
      <c r="Y18" s="80" t="s">
        <v>114</v>
      </c>
      <c r="Z18" s="80" t="s">
        <v>104</v>
      </c>
      <c r="AA18" s="80" t="s">
        <v>115</v>
      </c>
      <c r="AB18" s="81" t="s">
        <v>150</v>
      </c>
    </row>
    <row r="19" spans="1:28">
      <c r="A19" s="78" t="s">
        <v>40</v>
      </c>
      <c r="B19" s="79">
        <v>45688</v>
      </c>
      <c r="C19" s="80" t="s">
        <v>57</v>
      </c>
      <c r="D19" s="80">
        <v>1</v>
      </c>
      <c r="E19" s="80">
        <v>2025</v>
      </c>
      <c r="F19" s="80" t="s">
        <v>56</v>
      </c>
      <c r="G19" s="80" t="s">
        <v>151</v>
      </c>
      <c r="H19" s="80" t="s">
        <v>152</v>
      </c>
      <c r="I19" s="80" t="s">
        <v>102</v>
      </c>
      <c r="J19" s="80" t="s">
        <v>103</v>
      </c>
      <c r="K19" s="80">
        <v>706444</v>
      </c>
      <c r="L19" s="80" t="s">
        <v>104</v>
      </c>
      <c r="M19" s="80" t="s">
        <v>104</v>
      </c>
      <c r="N19" s="80" t="s">
        <v>105</v>
      </c>
      <c r="O19" s="80" t="s">
        <v>106</v>
      </c>
      <c r="P19" s="80" t="s">
        <v>153</v>
      </c>
      <c r="Q19" s="80" t="s">
        <v>108</v>
      </c>
      <c r="R19" s="80" t="s">
        <v>109</v>
      </c>
      <c r="S19" s="80" t="s">
        <v>110</v>
      </c>
      <c r="T19" s="80" t="s">
        <v>104</v>
      </c>
      <c r="U19" s="80" t="s">
        <v>111</v>
      </c>
      <c r="V19" s="80" t="s">
        <v>154</v>
      </c>
      <c r="W19" s="80">
        <v>3</v>
      </c>
      <c r="X19" s="80" t="s">
        <v>113</v>
      </c>
      <c r="Y19" s="80" t="s">
        <v>114</v>
      </c>
      <c r="Z19" s="80" t="s">
        <v>104</v>
      </c>
      <c r="AA19" s="80" t="s">
        <v>119</v>
      </c>
      <c r="AB19" s="81" t="s">
        <v>155</v>
      </c>
    </row>
    <row r="20" spans="1:28">
      <c r="A20" s="78" t="s">
        <v>41</v>
      </c>
      <c r="B20" s="79">
        <v>45688</v>
      </c>
      <c r="C20" s="80" t="s">
        <v>57</v>
      </c>
      <c r="D20" s="80">
        <v>1</v>
      </c>
      <c r="E20" s="80">
        <v>2025</v>
      </c>
      <c r="F20" s="80" t="s">
        <v>56</v>
      </c>
      <c r="G20" s="80" t="s">
        <v>151</v>
      </c>
      <c r="H20" s="80" t="s">
        <v>152</v>
      </c>
      <c r="I20" s="80" t="s">
        <v>102</v>
      </c>
      <c r="J20" s="80" t="s">
        <v>103</v>
      </c>
      <c r="K20" s="80">
        <v>121347</v>
      </c>
      <c r="L20" s="80" t="s">
        <v>104</v>
      </c>
      <c r="M20" s="80" t="s">
        <v>104</v>
      </c>
      <c r="N20" s="80" t="s">
        <v>105</v>
      </c>
      <c r="O20" s="80" t="s">
        <v>156</v>
      </c>
      <c r="P20" s="80" t="s">
        <v>153</v>
      </c>
      <c r="Q20" s="80" t="s">
        <v>108</v>
      </c>
      <c r="R20" s="80" t="s">
        <v>109</v>
      </c>
      <c r="S20" s="80" t="s">
        <v>110</v>
      </c>
      <c r="T20" s="80" t="s">
        <v>104</v>
      </c>
      <c r="U20" s="80" t="s">
        <v>111</v>
      </c>
      <c r="V20" s="80" t="s">
        <v>157</v>
      </c>
      <c r="W20" s="80">
        <v>8</v>
      </c>
      <c r="X20" s="80" t="s">
        <v>113</v>
      </c>
      <c r="Y20" s="80" t="s">
        <v>114</v>
      </c>
      <c r="Z20" s="80" t="s">
        <v>104</v>
      </c>
      <c r="AA20" s="80" t="s">
        <v>119</v>
      </c>
      <c r="AB20" s="81" t="s">
        <v>158</v>
      </c>
    </row>
    <row r="21" spans="1:28">
      <c r="A21" s="78" t="s">
        <v>42</v>
      </c>
      <c r="B21" s="79">
        <v>45688</v>
      </c>
      <c r="C21" s="80" t="s">
        <v>57</v>
      </c>
      <c r="D21" s="80">
        <v>1</v>
      </c>
      <c r="E21" s="80">
        <v>2025</v>
      </c>
      <c r="F21" s="80" t="s">
        <v>56</v>
      </c>
      <c r="G21" s="80" t="s">
        <v>151</v>
      </c>
      <c r="H21" s="80" t="s">
        <v>152</v>
      </c>
      <c r="I21" s="80" t="s">
        <v>102</v>
      </c>
      <c r="J21" s="80" t="s">
        <v>103</v>
      </c>
      <c r="K21" s="80">
        <v>420909</v>
      </c>
      <c r="L21" s="80" t="s">
        <v>104</v>
      </c>
      <c r="M21" s="80" t="s">
        <v>104</v>
      </c>
      <c r="N21" s="80" t="s">
        <v>105</v>
      </c>
      <c r="O21" s="80" t="s">
        <v>148</v>
      </c>
      <c r="P21" s="80" t="s">
        <v>153</v>
      </c>
      <c r="Q21" s="80" t="s">
        <v>108</v>
      </c>
      <c r="R21" s="80" t="s">
        <v>109</v>
      </c>
      <c r="S21" s="80" t="s">
        <v>110</v>
      </c>
      <c r="T21" s="80" t="s">
        <v>104</v>
      </c>
      <c r="U21" s="80" t="s">
        <v>111</v>
      </c>
      <c r="V21" s="80" t="s">
        <v>159</v>
      </c>
      <c r="W21" s="80">
        <v>49</v>
      </c>
      <c r="X21" s="80" t="s">
        <v>113</v>
      </c>
      <c r="Y21" s="80" t="s">
        <v>114</v>
      </c>
      <c r="Z21" s="80" t="s">
        <v>104</v>
      </c>
      <c r="AA21" s="80" t="s">
        <v>119</v>
      </c>
      <c r="AB21" s="81" t="s">
        <v>160</v>
      </c>
    </row>
    <row r="22" spans="1:28">
      <c r="A22" s="78" t="s">
        <v>40</v>
      </c>
      <c r="B22" s="79">
        <v>45716</v>
      </c>
      <c r="C22" s="80" t="s">
        <v>57</v>
      </c>
      <c r="D22" s="80">
        <v>2</v>
      </c>
      <c r="E22" s="80">
        <v>2025</v>
      </c>
      <c r="F22" s="80" t="s">
        <v>56</v>
      </c>
      <c r="G22" s="80" t="s">
        <v>151</v>
      </c>
      <c r="H22" s="80" t="s">
        <v>152</v>
      </c>
      <c r="I22" s="80" t="s">
        <v>102</v>
      </c>
      <c r="J22" s="80" t="s">
        <v>103</v>
      </c>
      <c r="K22" s="80">
        <v>706444</v>
      </c>
      <c r="L22" s="80" t="s">
        <v>104</v>
      </c>
      <c r="M22" s="80" t="s">
        <v>104</v>
      </c>
      <c r="N22" s="80" t="s">
        <v>105</v>
      </c>
      <c r="O22" s="80" t="s">
        <v>106</v>
      </c>
      <c r="P22" s="80" t="s">
        <v>153</v>
      </c>
      <c r="Q22" s="80" t="s">
        <v>108</v>
      </c>
      <c r="R22" s="80" t="s">
        <v>109</v>
      </c>
      <c r="S22" s="80" t="s">
        <v>110</v>
      </c>
      <c r="T22" s="80" t="s">
        <v>104</v>
      </c>
      <c r="U22" s="80" t="s">
        <v>111</v>
      </c>
      <c r="V22" s="80" t="s">
        <v>161</v>
      </c>
      <c r="W22" s="80">
        <v>3</v>
      </c>
      <c r="X22" s="80" t="s">
        <v>113</v>
      </c>
      <c r="Y22" s="80" t="s">
        <v>114</v>
      </c>
      <c r="Z22" s="80" t="s">
        <v>104</v>
      </c>
      <c r="AA22" s="80" t="s">
        <v>119</v>
      </c>
      <c r="AB22" s="81" t="s">
        <v>155</v>
      </c>
    </row>
    <row r="23" spans="1:28">
      <c r="A23" s="78" t="s">
        <v>41</v>
      </c>
      <c r="B23" s="79">
        <v>45716</v>
      </c>
      <c r="C23" s="80" t="s">
        <v>57</v>
      </c>
      <c r="D23" s="80">
        <v>2</v>
      </c>
      <c r="E23" s="80">
        <v>2025</v>
      </c>
      <c r="F23" s="80" t="s">
        <v>56</v>
      </c>
      <c r="G23" s="80" t="s">
        <v>151</v>
      </c>
      <c r="H23" s="80" t="s">
        <v>152</v>
      </c>
      <c r="I23" s="80" t="s">
        <v>102</v>
      </c>
      <c r="J23" s="80" t="s">
        <v>103</v>
      </c>
      <c r="K23" s="80">
        <v>121347</v>
      </c>
      <c r="L23" s="80" t="s">
        <v>104</v>
      </c>
      <c r="M23" s="80" t="s">
        <v>104</v>
      </c>
      <c r="N23" s="80" t="s">
        <v>105</v>
      </c>
      <c r="O23" s="80" t="s">
        <v>156</v>
      </c>
      <c r="P23" s="80" t="s">
        <v>153</v>
      </c>
      <c r="Q23" s="80" t="s">
        <v>108</v>
      </c>
      <c r="R23" s="80" t="s">
        <v>109</v>
      </c>
      <c r="S23" s="80" t="s">
        <v>110</v>
      </c>
      <c r="T23" s="80" t="s">
        <v>104</v>
      </c>
      <c r="U23" s="80" t="s">
        <v>111</v>
      </c>
      <c r="V23" s="80" t="s">
        <v>162</v>
      </c>
      <c r="W23" s="80">
        <v>7</v>
      </c>
      <c r="X23" s="80" t="s">
        <v>113</v>
      </c>
      <c r="Y23" s="80" t="s">
        <v>114</v>
      </c>
      <c r="Z23" s="80" t="s">
        <v>104</v>
      </c>
      <c r="AA23" s="80" t="s">
        <v>119</v>
      </c>
      <c r="AB23" s="81" t="s">
        <v>158</v>
      </c>
    </row>
    <row r="24" spans="1:28">
      <c r="A24" s="78" t="s">
        <v>42</v>
      </c>
      <c r="B24" s="79">
        <v>45716</v>
      </c>
      <c r="C24" s="80" t="s">
        <v>57</v>
      </c>
      <c r="D24" s="80">
        <v>2</v>
      </c>
      <c r="E24" s="80">
        <v>2025</v>
      </c>
      <c r="F24" s="80" t="s">
        <v>56</v>
      </c>
      <c r="G24" s="80" t="s">
        <v>151</v>
      </c>
      <c r="H24" s="80" t="s">
        <v>152</v>
      </c>
      <c r="I24" s="80" t="s">
        <v>102</v>
      </c>
      <c r="J24" s="80" t="s">
        <v>103</v>
      </c>
      <c r="K24" s="80">
        <v>420909</v>
      </c>
      <c r="L24" s="80" t="s">
        <v>104</v>
      </c>
      <c r="M24" s="80" t="s">
        <v>104</v>
      </c>
      <c r="N24" s="80" t="s">
        <v>105</v>
      </c>
      <c r="O24" s="80" t="s">
        <v>148</v>
      </c>
      <c r="P24" s="80" t="s">
        <v>153</v>
      </c>
      <c r="Q24" s="80" t="s">
        <v>108</v>
      </c>
      <c r="R24" s="80" t="s">
        <v>109</v>
      </c>
      <c r="S24" s="80" t="s">
        <v>110</v>
      </c>
      <c r="T24" s="80" t="s">
        <v>104</v>
      </c>
      <c r="U24" s="80" t="s">
        <v>111</v>
      </c>
      <c r="V24" s="80" t="s">
        <v>163</v>
      </c>
      <c r="W24" s="80">
        <v>47</v>
      </c>
      <c r="X24" s="80" t="s">
        <v>113</v>
      </c>
      <c r="Y24" s="80" t="s">
        <v>114</v>
      </c>
      <c r="Z24" s="80" t="s">
        <v>104</v>
      </c>
      <c r="AA24" s="80" t="s">
        <v>119</v>
      </c>
      <c r="AB24" s="81" t="s">
        <v>160</v>
      </c>
    </row>
    <row r="25" spans="1:28">
      <c r="A25" s="78" t="s">
        <v>40</v>
      </c>
      <c r="B25" s="79">
        <v>45747</v>
      </c>
      <c r="C25" s="80" t="s">
        <v>57</v>
      </c>
      <c r="D25" s="80">
        <v>3</v>
      </c>
      <c r="E25" s="80">
        <v>2025</v>
      </c>
      <c r="F25" s="80" t="s">
        <v>56</v>
      </c>
      <c r="G25" s="80" t="s">
        <v>151</v>
      </c>
      <c r="H25" s="80" t="s">
        <v>152</v>
      </c>
      <c r="I25" s="80" t="s">
        <v>102</v>
      </c>
      <c r="J25" s="80" t="s">
        <v>103</v>
      </c>
      <c r="K25" s="80">
        <v>706444</v>
      </c>
      <c r="L25" s="80" t="s">
        <v>104</v>
      </c>
      <c r="M25" s="80" t="s">
        <v>104</v>
      </c>
      <c r="N25" s="80" t="s">
        <v>105</v>
      </c>
      <c r="O25" s="80" t="s">
        <v>106</v>
      </c>
      <c r="P25" s="80" t="s">
        <v>153</v>
      </c>
      <c r="Q25" s="80" t="s">
        <v>108</v>
      </c>
      <c r="R25" s="80" t="s">
        <v>109</v>
      </c>
      <c r="S25" s="80" t="s">
        <v>110</v>
      </c>
      <c r="T25" s="80" t="s">
        <v>104</v>
      </c>
      <c r="U25" s="80" t="s">
        <v>111</v>
      </c>
      <c r="V25" s="80" t="s">
        <v>164</v>
      </c>
      <c r="W25" s="80">
        <v>3</v>
      </c>
      <c r="X25" s="80" t="s">
        <v>113</v>
      </c>
      <c r="Y25" s="80" t="s">
        <v>114</v>
      </c>
      <c r="Z25" s="80" t="s">
        <v>104</v>
      </c>
      <c r="AA25" s="80" t="s">
        <v>119</v>
      </c>
      <c r="AB25" s="81" t="s">
        <v>155</v>
      </c>
    </row>
    <row r="26" spans="1:28">
      <c r="A26" s="78" t="s">
        <v>41</v>
      </c>
      <c r="B26" s="79">
        <v>45747</v>
      </c>
      <c r="C26" s="80" t="s">
        <v>57</v>
      </c>
      <c r="D26" s="80">
        <v>3</v>
      </c>
      <c r="E26" s="80">
        <v>2025</v>
      </c>
      <c r="F26" s="80" t="s">
        <v>56</v>
      </c>
      <c r="G26" s="80" t="s">
        <v>151</v>
      </c>
      <c r="H26" s="80" t="s">
        <v>152</v>
      </c>
      <c r="I26" s="80" t="s">
        <v>102</v>
      </c>
      <c r="J26" s="80" t="s">
        <v>103</v>
      </c>
      <c r="K26" s="80">
        <v>121347</v>
      </c>
      <c r="L26" s="80" t="s">
        <v>104</v>
      </c>
      <c r="M26" s="80" t="s">
        <v>104</v>
      </c>
      <c r="N26" s="80" t="s">
        <v>105</v>
      </c>
      <c r="O26" s="80" t="s">
        <v>156</v>
      </c>
      <c r="P26" s="80" t="s">
        <v>153</v>
      </c>
      <c r="Q26" s="80" t="s">
        <v>108</v>
      </c>
      <c r="R26" s="80" t="s">
        <v>109</v>
      </c>
      <c r="S26" s="80" t="s">
        <v>110</v>
      </c>
      <c r="T26" s="80" t="s">
        <v>104</v>
      </c>
      <c r="U26" s="80" t="s">
        <v>111</v>
      </c>
      <c r="V26" s="80" t="s">
        <v>165</v>
      </c>
      <c r="W26" s="80">
        <v>7</v>
      </c>
      <c r="X26" s="80" t="s">
        <v>113</v>
      </c>
      <c r="Y26" s="80" t="s">
        <v>114</v>
      </c>
      <c r="Z26" s="80" t="s">
        <v>104</v>
      </c>
      <c r="AA26" s="80" t="s">
        <v>119</v>
      </c>
      <c r="AB26" s="81" t="s">
        <v>158</v>
      </c>
    </row>
    <row r="27" spans="1:28">
      <c r="A27" s="78" t="s">
        <v>42</v>
      </c>
      <c r="B27" s="79">
        <v>45747</v>
      </c>
      <c r="C27" s="80" t="s">
        <v>57</v>
      </c>
      <c r="D27" s="80">
        <v>3</v>
      </c>
      <c r="E27" s="80">
        <v>2025</v>
      </c>
      <c r="F27" s="80" t="s">
        <v>56</v>
      </c>
      <c r="G27" s="80" t="s">
        <v>151</v>
      </c>
      <c r="H27" s="80" t="s">
        <v>152</v>
      </c>
      <c r="I27" s="80" t="s">
        <v>102</v>
      </c>
      <c r="J27" s="80" t="s">
        <v>103</v>
      </c>
      <c r="K27" s="80">
        <v>420909</v>
      </c>
      <c r="L27" s="80" t="s">
        <v>104</v>
      </c>
      <c r="M27" s="80" t="s">
        <v>104</v>
      </c>
      <c r="N27" s="80" t="s">
        <v>105</v>
      </c>
      <c r="O27" s="80" t="s">
        <v>148</v>
      </c>
      <c r="P27" s="80" t="s">
        <v>153</v>
      </c>
      <c r="Q27" s="80" t="s">
        <v>108</v>
      </c>
      <c r="R27" s="80" t="s">
        <v>109</v>
      </c>
      <c r="S27" s="80" t="s">
        <v>110</v>
      </c>
      <c r="T27" s="80" t="s">
        <v>104</v>
      </c>
      <c r="U27" s="80" t="s">
        <v>111</v>
      </c>
      <c r="V27" s="80" t="s">
        <v>166</v>
      </c>
      <c r="W27" s="80">
        <v>47</v>
      </c>
      <c r="X27" s="80" t="s">
        <v>113</v>
      </c>
      <c r="Y27" s="80" t="s">
        <v>114</v>
      </c>
      <c r="Z27" s="80" t="s">
        <v>104</v>
      </c>
      <c r="AA27" s="80" t="s">
        <v>119</v>
      </c>
      <c r="AB27" s="81" t="s">
        <v>160</v>
      </c>
    </row>
    <row r="28" spans="1:28">
      <c r="A28" s="78" t="s">
        <v>40</v>
      </c>
      <c r="B28" s="79">
        <v>45777</v>
      </c>
      <c r="C28" s="80" t="s">
        <v>57</v>
      </c>
      <c r="D28" s="80">
        <v>4</v>
      </c>
      <c r="E28" s="80">
        <v>2025</v>
      </c>
      <c r="F28" s="80" t="s">
        <v>56</v>
      </c>
      <c r="G28" s="80" t="s">
        <v>151</v>
      </c>
      <c r="H28" s="80" t="s">
        <v>152</v>
      </c>
      <c r="I28" s="80" t="s">
        <v>102</v>
      </c>
      <c r="J28" s="80" t="s">
        <v>103</v>
      </c>
      <c r="K28" s="80">
        <v>706444</v>
      </c>
      <c r="L28" s="80" t="s">
        <v>104</v>
      </c>
      <c r="M28" s="80" t="s">
        <v>104</v>
      </c>
      <c r="N28" s="80" t="s">
        <v>105</v>
      </c>
      <c r="O28" s="80" t="s">
        <v>106</v>
      </c>
      <c r="P28" s="80" t="s">
        <v>153</v>
      </c>
      <c r="Q28" s="80" t="s">
        <v>108</v>
      </c>
      <c r="R28" s="80" t="s">
        <v>109</v>
      </c>
      <c r="S28" s="80" t="s">
        <v>110</v>
      </c>
      <c r="T28" s="80" t="s">
        <v>104</v>
      </c>
      <c r="U28" s="80" t="s">
        <v>111</v>
      </c>
      <c r="V28" s="80" t="s">
        <v>167</v>
      </c>
      <c r="W28" s="80">
        <v>3</v>
      </c>
      <c r="X28" s="80" t="s">
        <v>113</v>
      </c>
      <c r="Y28" s="80" t="s">
        <v>114</v>
      </c>
      <c r="Z28" s="80" t="s">
        <v>104</v>
      </c>
      <c r="AA28" s="80" t="s">
        <v>119</v>
      </c>
      <c r="AB28" s="81" t="s">
        <v>155</v>
      </c>
    </row>
    <row r="29" spans="1:28">
      <c r="A29" s="78" t="s">
        <v>41</v>
      </c>
      <c r="B29" s="79">
        <v>45777</v>
      </c>
      <c r="C29" s="80" t="s">
        <v>57</v>
      </c>
      <c r="D29" s="80">
        <v>4</v>
      </c>
      <c r="E29" s="80">
        <v>2025</v>
      </c>
      <c r="F29" s="80" t="s">
        <v>56</v>
      </c>
      <c r="G29" s="80" t="s">
        <v>151</v>
      </c>
      <c r="H29" s="80" t="s">
        <v>152</v>
      </c>
      <c r="I29" s="80" t="s">
        <v>102</v>
      </c>
      <c r="J29" s="80" t="s">
        <v>103</v>
      </c>
      <c r="K29" s="80">
        <v>121347</v>
      </c>
      <c r="L29" s="80" t="s">
        <v>104</v>
      </c>
      <c r="M29" s="80" t="s">
        <v>104</v>
      </c>
      <c r="N29" s="80" t="s">
        <v>105</v>
      </c>
      <c r="O29" s="80" t="s">
        <v>156</v>
      </c>
      <c r="P29" s="80" t="s">
        <v>153</v>
      </c>
      <c r="Q29" s="80" t="s">
        <v>108</v>
      </c>
      <c r="R29" s="80" t="s">
        <v>109</v>
      </c>
      <c r="S29" s="80" t="s">
        <v>110</v>
      </c>
      <c r="T29" s="80" t="s">
        <v>104</v>
      </c>
      <c r="U29" s="80" t="s">
        <v>111</v>
      </c>
      <c r="V29" s="80" t="s">
        <v>168</v>
      </c>
      <c r="W29" s="80">
        <v>7</v>
      </c>
      <c r="X29" s="80" t="s">
        <v>113</v>
      </c>
      <c r="Y29" s="80" t="s">
        <v>114</v>
      </c>
      <c r="Z29" s="80" t="s">
        <v>104</v>
      </c>
      <c r="AA29" s="80" t="s">
        <v>119</v>
      </c>
      <c r="AB29" s="81" t="s">
        <v>158</v>
      </c>
    </row>
    <row r="30" spans="1:28">
      <c r="A30" s="78" t="s">
        <v>42</v>
      </c>
      <c r="B30" s="79">
        <v>45777</v>
      </c>
      <c r="C30" s="80" t="s">
        <v>57</v>
      </c>
      <c r="D30" s="80">
        <v>4</v>
      </c>
      <c r="E30" s="80">
        <v>2025</v>
      </c>
      <c r="F30" s="80" t="s">
        <v>56</v>
      </c>
      <c r="G30" s="80" t="s">
        <v>151</v>
      </c>
      <c r="H30" s="80" t="s">
        <v>152</v>
      </c>
      <c r="I30" s="80" t="s">
        <v>102</v>
      </c>
      <c r="J30" s="80" t="s">
        <v>103</v>
      </c>
      <c r="K30" s="80">
        <v>420909</v>
      </c>
      <c r="L30" s="80" t="s">
        <v>104</v>
      </c>
      <c r="M30" s="80" t="s">
        <v>104</v>
      </c>
      <c r="N30" s="80" t="s">
        <v>105</v>
      </c>
      <c r="O30" s="80" t="s">
        <v>148</v>
      </c>
      <c r="P30" s="80" t="s">
        <v>153</v>
      </c>
      <c r="Q30" s="80" t="s">
        <v>108</v>
      </c>
      <c r="R30" s="80" t="s">
        <v>109</v>
      </c>
      <c r="S30" s="80" t="s">
        <v>110</v>
      </c>
      <c r="T30" s="80" t="s">
        <v>104</v>
      </c>
      <c r="U30" s="80" t="s">
        <v>111</v>
      </c>
      <c r="V30" s="80" t="s">
        <v>169</v>
      </c>
      <c r="W30" s="80">
        <v>47</v>
      </c>
      <c r="X30" s="80" t="s">
        <v>113</v>
      </c>
      <c r="Y30" s="80" t="s">
        <v>114</v>
      </c>
      <c r="Z30" s="80" t="s">
        <v>104</v>
      </c>
      <c r="AA30" s="80" t="s">
        <v>119</v>
      </c>
      <c r="AB30" s="81" t="s">
        <v>160</v>
      </c>
    </row>
    <row r="31" spans="1:28">
      <c r="A31" s="78" t="s">
        <v>40</v>
      </c>
      <c r="B31" s="79">
        <v>45808</v>
      </c>
      <c r="C31" s="80" t="s">
        <v>57</v>
      </c>
      <c r="D31" s="80">
        <v>5</v>
      </c>
      <c r="E31" s="80">
        <v>2025</v>
      </c>
      <c r="F31" s="80" t="s">
        <v>56</v>
      </c>
      <c r="G31" s="80" t="s">
        <v>151</v>
      </c>
      <c r="H31" s="80" t="s">
        <v>152</v>
      </c>
      <c r="I31" s="80" t="s">
        <v>102</v>
      </c>
      <c r="J31" s="80" t="s">
        <v>103</v>
      </c>
      <c r="K31" s="80">
        <v>706444</v>
      </c>
      <c r="L31" s="80" t="s">
        <v>104</v>
      </c>
      <c r="M31" s="80" t="s">
        <v>104</v>
      </c>
      <c r="N31" s="80" t="s">
        <v>105</v>
      </c>
      <c r="O31" s="80" t="s">
        <v>106</v>
      </c>
      <c r="P31" s="80" t="s">
        <v>153</v>
      </c>
      <c r="Q31" s="80" t="s">
        <v>108</v>
      </c>
      <c r="R31" s="80" t="s">
        <v>109</v>
      </c>
      <c r="S31" s="80" t="s">
        <v>110</v>
      </c>
      <c r="T31" s="80" t="s">
        <v>104</v>
      </c>
      <c r="U31" s="80" t="s">
        <v>111</v>
      </c>
      <c r="V31" s="80" t="s">
        <v>170</v>
      </c>
      <c r="W31" s="80">
        <v>3</v>
      </c>
      <c r="X31" s="80" t="s">
        <v>113</v>
      </c>
      <c r="Y31" s="80" t="s">
        <v>114</v>
      </c>
      <c r="Z31" s="80" t="s">
        <v>104</v>
      </c>
      <c r="AA31" s="80" t="s">
        <v>119</v>
      </c>
      <c r="AB31" s="81" t="s">
        <v>155</v>
      </c>
    </row>
    <row r="32" spans="1:28">
      <c r="A32" s="78" t="s">
        <v>41</v>
      </c>
      <c r="B32" s="79">
        <v>45808</v>
      </c>
      <c r="C32" s="80" t="s">
        <v>57</v>
      </c>
      <c r="D32" s="80">
        <v>5</v>
      </c>
      <c r="E32" s="80">
        <v>2025</v>
      </c>
      <c r="F32" s="80" t="s">
        <v>56</v>
      </c>
      <c r="G32" s="80" t="s">
        <v>151</v>
      </c>
      <c r="H32" s="80" t="s">
        <v>152</v>
      </c>
      <c r="I32" s="80" t="s">
        <v>102</v>
      </c>
      <c r="J32" s="80" t="s">
        <v>103</v>
      </c>
      <c r="K32" s="80">
        <v>121347</v>
      </c>
      <c r="L32" s="80" t="s">
        <v>104</v>
      </c>
      <c r="M32" s="80" t="s">
        <v>104</v>
      </c>
      <c r="N32" s="80" t="s">
        <v>105</v>
      </c>
      <c r="O32" s="80" t="s">
        <v>156</v>
      </c>
      <c r="P32" s="80" t="s">
        <v>153</v>
      </c>
      <c r="Q32" s="80" t="s">
        <v>108</v>
      </c>
      <c r="R32" s="80" t="s">
        <v>109</v>
      </c>
      <c r="S32" s="80" t="s">
        <v>110</v>
      </c>
      <c r="T32" s="80" t="s">
        <v>104</v>
      </c>
      <c r="U32" s="80" t="s">
        <v>111</v>
      </c>
      <c r="V32" s="80" t="s">
        <v>171</v>
      </c>
      <c r="W32" s="80">
        <v>7</v>
      </c>
      <c r="X32" s="80" t="s">
        <v>113</v>
      </c>
      <c r="Y32" s="80" t="s">
        <v>114</v>
      </c>
      <c r="Z32" s="80" t="s">
        <v>104</v>
      </c>
      <c r="AA32" s="80" t="s">
        <v>119</v>
      </c>
      <c r="AB32" s="81" t="s">
        <v>158</v>
      </c>
    </row>
    <row r="33" spans="1:28">
      <c r="A33" s="78" t="s">
        <v>42</v>
      </c>
      <c r="B33" s="79">
        <v>45808</v>
      </c>
      <c r="C33" s="80" t="s">
        <v>57</v>
      </c>
      <c r="D33" s="80">
        <v>5</v>
      </c>
      <c r="E33" s="80">
        <v>2025</v>
      </c>
      <c r="F33" s="80" t="s">
        <v>56</v>
      </c>
      <c r="G33" s="80" t="s">
        <v>151</v>
      </c>
      <c r="H33" s="80" t="s">
        <v>152</v>
      </c>
      <c r="I33" s="80" t="s">
        <v>102</v>
      </c>
      <c r="J33" s="80" t="s">
        <v>103</v>
      </c>
      <c r="K33" s="80">
        <v>420909</v>
      </c>
      <c r="L33" s="80" t="s">
        <v>104</v>
      </c>
      <c r="M33" s="80" t="s">
        <v>104</v>
      </c>
      <c r="N33" s="80" t="s">
        <v>105</v>
      </c>
      <c r="O33" s="80" t="s">
        <v>148</v>
      </c>
      <c r="P33" s="80" t="s">
        <v>153</v>
      </c>
      <c r="Q33" s="80" t="s">
        <v>108</v>
      </c>
      <c r="R33" s="80" t="s">
        <v>109</v>
      </c>
      <c r="S33" s="80" t="s">
        <v>110</v>
      </c>
      <c r="T33" s="80" t="s">
        <v>104</v>
      </c>
      <c r="U33" s="80" t="s">
        <v>111</v>
      </c>
      <c r="V33" s="80" t="s">
        <v>172</v>
      </c>
      <c r="W33" s="80">
        <v>47</v>
      </c>
      <c r="X33" s="80" t="s">
        <v>113</v>
      </c>
      <c r="Y33" s="80" t="s">
        <v>114</v>
      </c>
      <c r="Z33" s="80" t="s">
        <v>104</v>
      </c>
      <c r="AA33" s="80" t="s">
        <v>119</v>
      </c>
      <c r="AB33" s="81" t="s">
        <v>160</v>
      </c>
    </row>
    <row r="34" spans="1:28">
      <c r="A34" s="78" t="s">
        <v>40</v>
      </c>
      <c r="B34" s="79">
        <v>45838</v>
      </c>
      <c r="C34" s="80" t="s">
        <v>57</v>
      </c>
      <c r="D34" s="80">
        <v>6</v>
      </c>
      <c r="E34" s="80">
        <v>2025</v>
      </c>
      <c r="F34" s="80" t="s">
        <v>56</v>
      </c>
      <c r="G34" s="80" t="s">
        <v>151</v>
      </c>
      <c r="H34" s="80" t="s">
        <v>152</v>
      </c>
      <c r="I34" s="80" t="s">
        <v>102</v>
      </c>
      <c r="J34" s="80" t="s">
        <v>103</v>
      </c>
      <c r="K34" s="80">
        <v>706444</v>
      </c>
      <c r="L34" s="80" t="s">
        <v>104</v>
      </c>
      <c r="M34" s="80" t="s">
        <v>104</v>
      </c>
      <c r="N34" s="80" t="s">
        <v>105</v>
      </c>
      <c r="O34" s="80" t="s">
        <v>106</v>
      </c>
      <c r="P34" s="80" t="s">
        <v>153</v>
      </c>
      <c r="Q34" s="80" t="s">
        <v>108</v>
      </c>
      <c r="R34" s="80" t="s">
        <v>109</v>
      </c>
      <c r="S34" s="80" t="s">
        <v>110</v>
      </c>
      <c r="T34" s="80" t="s">
        <v>104</v>
      </c>
      <c r="U34" s="80" t="s">
        <v>111</v>
      </c>
      <c r="V34" s="80" t="s">
        <v>173</v>
      </c>
      <c r="W34" s="80">
        <v>3</v>
      </c>
      <c r="X34" s="80" t="s">
        <v>113</v>
      </c>
      <c r="Y34" s="80" t="s">
        <v>174</v>
      </c>
      <c r="Z34" s="80" t="s">
        <v>104</v>
      </c>
      <c r="AA34" s="80" t="s">
        <v>119</v>
      </c>
      <c r="AB34" s="81" t="s">
        <v>155</v>
      </c>
    </row>
    <row r="35" spans="1:28">
      <c r="A35" s="78" t="s">
        <v>41</v>
      </c>
      <c r="B35" s="79">
        <v>45838</v>
      </c>
      <c r="C35" s="80" t="s">
        <v>57</v>
      </c>
      <c r="D35" s="80">
        <v>6</v>
      </c>
      <c r="E35" s="80">
        <v>2025</v>
      </c>
      <c r="F35" s="80" t="s">
        <v>56</v>
      </c>
      <c r="G35" s="80" t="s">
        <v>151</v>
      </c>
      <c r="H35" s="80" t="s">
        <v>152</v>
      </c>
      <c r="I35" s="80" t="s">
        <v>102</v>
      </c>
      <c r="J35" s="80" t="s">
        <v>103</v>
      </c>
      <c r="K35" s="80">
        <v>121347</v>
      </c>
      <c r="L35" s="80" t="s">
        <v>104</v>
      </c>
      <c r="M35" s="80" t="s">
        <v>104</v>
      </c>
      <c r="N35" s="80" t="s">
        <v>105</v>
      </c>
      <c r="O35" s="80" t="s">
        <v>156</v>
      </c>
      <c r="P35" s="80" t="s">
        <v>153</v>
      </c>
      <c r="Q35" s="80" t="s">
        <v>108</v>
      </c>
      <c r="R35" s="80" t="s">
        <v>109</v>
      </c>
      <c r="S35" s="80" t="s">
        <v>110</v>
      </c>
      <c r="T35" s="80" t="s">
        <v>104</v>
      </c>
      <c r="U35" s="80" t="s">
        <v>111</v>
      </c>
      <c r="V35" s="80" t="s">
        <v>175</v>
      </c>
      <c r="W35" s="80">
        <v>7</v>
      </c>
      <c r="X35" s="80" t="s">
        <v>113</v>
      </c>
      <c r="Y35" s="80" t="s">
        <v>174</v>
      </c>
      <c r="Z35" s="80" t="s">
        <v>104</v>
      </c>
      <c r="AA35" s="80" t="s">
        <v>119</v>
      </c>
      <c r="AB35" s="81" t="s">
        <v>158</v>
      </c>
    </row>
    <row r="36" spans="1:28">
      <c r="A36" s="78" t="s">
        <v>42</v>
      </c>
      <c r="B36" s="79">
        <v>45838</v>
      </c>
      <c r="C36" s="80" t="s">
        <v>57</v>
      </c>
      <c r="D36" s="80">
        <v>6</v>
      </c>
      <c r="E36" s="80">
        <v>2025</v>
      </c>
      <c r="F36" s="80" t="s">
        <v>56</v>
      </c>
      <c r="G36" s="80" t="s">
        <v>151</v>
      </c>
      <c r="H36" s="80" t="s">
        <v>152</v>
      </c>
      <c r="I36" s="80" t="s">
        <v>102</v>
      </c>
      <c r="J36" s="80" t="s">
        <v>103</v>
      </c>
      <c r="K36" s="80">
        <v>420909</v>
      </c>
      <c r="L36" s="80" t="s">
        <v>104</v>
      </c>
      <c r="M36" s="80" t="s">
        <v>104</v>
      </c>
      <c r="N36" s="80" t="s">
        <v>105</v>
      </c>
      <c r="O36" s="80" t="s">
        <v>148</v>
      </c>
      <c r="P36" s="80" t="s">
        <v>153</v>
      </c>
      <c r="Q36" s="80" t="s">
        <v>108</v>
      </c>
      <c r="R36" s="80" t="s">
        <v>109</v>
      </c>
      <c r="S36" s="80" t="s">
        <v>110</v>
      </c>
      <c r="T36" s="80" t="s">
        <v>104</v>
      </c>
      <c r="U36" s="80" t="s">
        <v>111</v>
      </c>
      <c r="V36" s="80" t="s">
        <v>176</v>
      </c>
      <c r="W36" s="80">
        <v>47</v>
      </c>
      <c r="X36" s="80" t="s">
        <v>113</v>
      </c>
      <c r="Y36" s="80" t="s">
        <v>174</v>
      </c>
      <c r="Z36" s="80" t="s">
        <v>104</v>
      </c>
      <c r="AA36" s="80" t="s">
        <v>119</v>
      </c>
      <c r="AB36" s="81" t="s">
        <v>160</v>
      </c>
    </row>
    <row r="37" spans="1:28">
      <c r="A37" s="78" t="s">
        <v>40</v>
      </c>
      <c r="B37" s="79">
        <v>45322</v>
      </c>
      <c r="C37" s="80" t="s">
        <v>57</v>
      </c>
      <c r="D37" s="80">
        <v>1</v>
      </c>
      <c r="E37" s="80">
        <v>2024</v>
      </c>
      <c r="F37" s="80" t="s">
        <v>59</v>
      </c>
      <c r="G37" s="80" t="s">
        <v>140</v>
      </c>
      <c r="H37" s="80" t="s">
        <v>152</v>
      </c>
      <c r="I37" s="80" t="s">
        <v>102</v>
      </c>
      <c r="J37" s="80" t="s">
        <v>103</v>
      </c>
      <c r="K37" s="80">
        <v>48269</v>
      </c>
      <c r="L37" s="80" t="s">
        <v>104</v>
      </c>
      <c r="M37" s="80" t="s">
        <v>104</v>
      </c>
      <c r="N37" s="80" t="s">
        <v>105</v>
      </c>
      <c r="O37" s="80" t="s">
        <v>106</v>
      </c>
      <c r="P37" s="80" t="s">
        <v>142</v>
      </c>
      <c r="Q37" s="80" t="s">
        <v>108</v>
      </c>
      <c r="R37" s="80" t="s">
        <v>109</v>
      </c>
      <c r="S37" s="80" t="s">
        <v>110</v>
      </c>
      <c r="T37" s="80" t="s">
        <v>104</v>
      </c>
      <c r="U37" s="80" t="s">
        <v>111</v>
      </c>
      <c r="V37" s="80" t="s">
        <v>177</v>
      </c>
      <c r="W37" s="80">
        <v>1</v>
      </c>
      <c r="X37" s="80" t="s">
        <v>113</v>
      </c>
      <c r="Y37" s="80" t="s">
        <v>114</v>
      </c>
      <c r="Z37" s="80" t="s">
        <v>104</v>
      </c>
      <c r="AA37" s="80" t="s">
        <v>119</v>
      </c>
      <c r="AB37" s="81" t="s">
        <v>178</v>
      </c>
    </row>
    <row r="38" spans="1:28">
      <c r="A38" s="78" t="s">
        <v>41</v>
      </c>
      <c r="B38" s="79">
        <v>45322</v>
      </c>
      <c r="C38" s="80" t="s">
        <v>57</v>
      </c>
      <c r="D38" s="80">
        <v>1</v>
      </c>
      <c r="E38" s="80">
        <v>2024</v>
      </c>
      <c r="F38" s="80" t="s">
        <v>59</v>
      </c>
      <c r="G38" s="80" t="s">
        <v>140</v>
      </c>
      <c r="H38" s="80" t="s">
        <v>152</v>
      </c>
      <c r="I38" s="80" t="s">
        <v>102</v>
      </c>
      <c r="J38" s="80" t="s">
        <v>103</v>
      </c>
      <c r="K38" s="80">
        <v>1630</v>
      </c>
      <c r="L38" s="80" t="s">
        <v>104</v>
      </c>
      <c r="M38" s="80" t="s">
        <v>104</v>
      </c>
      <c r="N38" s="80" t="s">
        <v>105</v>
      </c>
      <c r="O38" s="80" t="s">
        <v>145</v>
      </c>
      <c r="P38" s="80" t="s">
        <v>142</v>
      </c>
      <c r="Q38" s="80" t="s">
        <v>108</v>
      </c>
      <c r="R38" s="80" t="s">
        <v>109</v>
      </c>
      <c r="S38" s="80" t="s">
        <v>110</v>
      </c>
      <c r="T38" s="80" t="s">
        <v>104</v>
      </c>
      <c r="U38" s="80" t="s">
        <v>111</v>
      </c>
      <c r="V38" s="80" t="s">
        <v>179</v>
      </c>
      <c r="W38" s="80">
        <v>6</v>
      </c>
      <c r="X38" s="80" t="s">
        <v>113</v>
      </c>
      <c r="Y38" s="80" t="s">
        <v>114</v>
      </c>
      <c r="Z38" s="80" t="s">
        <v>104</v>
      </c>
      <c r="AA38" s="80" t="s">
        <v>119</v>
      </c>
      <c r="AB38" s="81" t="s">
        <v>180</v>
      </c>
    </row>
    <row r="39" spans="1:28">
      <c r="A39" s="78" t="s">
        <v>42</v>
      </c>
      <c r="B39" s="79">
        <v>45322</v>
      </c>
      <c r="C39" s="80" t="s">
        <v>57</v>
      </c>
      <c r="D39" s="80">
        <v>1</v>
      </c>
      <c r="E39" s="80">
        <v>2024</v>
      </c>
      <c r="F39" s="80" t="s">
        <v>59</v>
      </c>
      <c r="G39" s="80" t="s">
        <v>140</v>
      </c>
      <c r="H39" s="80" t="s">
        <v>152</v>
      </c>
      <c r="I39" s="80" t="s">
        <v>102</v>
      </c>
      <c r="J39" s="80" t="s">
        <v>103</v>
      </c>
      <c r="K39" s="80">
        <v>1202</v>
      </c>
      <c r="L39" s="80" t="s">
        <v>104</v>
      </c>
      <c r="M39" s="80" t="s">
        <v>104</v>
      </c>
      <c r="N39" s="80" t="s">
        <v>105</v>
      </c>
      <c r="O39" s="80" t="s">
        <v>148</v>
      </c>
      <c r="P39" s="80" t="s">
        <v>142</v>
      </c>
      <c r="Q39" s="80" t="s">
        <v>108</v>
      </c>
      <c r="R39" s="80" t="s">
        <v>109</v>
      </c>
      <c r="S39" s="80" t="s">
        <v>110</v>
      </c>
      <c r="T39" s="80" t="s">
        <v>104</v>
      </c>
      <c r="U39" s="80" t="s">
        <v>111</v>
      </c>
      <c r="V39" s="80" t="s">
        <v>181</v>
      </c>
      <c r="W39" s="80">
        <v>47</v>
      </c>
      <c r="X39" s="80" t="s">
        <v>113</v>
      </c>
      <c r="Y39" s="80" t="s">
        <v>114</v>
      </c>
      <c r="Z39" s="80" t="s">
        <v>104</v>
      </c>
      <c r="AA39" s="80" t="s">
        <v>119</v>
      </c>
      <c r="AB39" s="81" t="s">
        <v>182</v>
      </c>
    </row>
    <row r="40" spans="1:28">
      <c r="A40" s="78" t="s">
        <v>40</v>
      </c>
      <c r="B40" s="79">
        <v>45351</v>
      </c>
      <c r="C40" s="80" t="s">
        <v>57</v>
      </c>
      <c r="D40" s="80">
        <v>2</v>
      </c>
      <c r="E40" s="80">
        <v>2024</v>
      </c>
      <c r="F40" s="80" t="s">
        <v>59</v>
      </c>
      <c r="G40" s="80" t="s">
        <v>140</v>
      </c>
      <c r="H40" s="80" t="s">
        <v>152</v>
      </c>
      <c r="I40" s="80" t="s">
        <v>102</v>
      </c>
      <c r="J40" s="80" t="s">
        <v>103</v>
      </c>
      <c r="K40" s="80">
        <v>48269</v>
      </c>
      <c r="L40" s="80" t="s">
        <v>104</v>
      </c>
      <c r="M40" s="80" t="s">
        <v>104</v>
      </c>
      <c r="N40" s="80" t="s">
        <v>105</v>
      </c>
      <c r="O40" s="80" t="s">
        <v>106</v>
      </c>
      <c r="P40" s="80" t="s">
        <v>142</v>
      </c>
      <c r="Q40" s="80" t="s">
        <v>108</v>
      </c>
      <c r="R40" s="80" t="s">
        <v>109</v>
      </c>
      <c r="S40" s="80" t="s">
        <v>110</v>
      </c>
      <c r="T40" s="80" t="s">
        <v>104</v>
      </c>
      <c r="U40" s="80" t="s">
        <v>111</v>
      </c>
      <c r="V40" s="80" t="s">
        <v>183</v>
      </c>
      <c r="W40" s="80">
        <v>1</v>
      </c>
      <c r="X40" s="80" t="s">
        <v>113</v>
      </c>
      <c r="Y40" s="80" t="s">
        <v>114</v>
      </c>
      <c r="Z40" s="80" t="s">
        <v>104</v>
      </c>
      <c r="AA40" s="80" t="s">
        <v>119</v>
      </c>
      <c r="AB40" s="81" t="s">
        <v>178</v>
      </c>
    </row>
    <row r="41" spans="1:28">
      <c r="A41" s="78" t="s">
        <v>41</v>
      </c>
      <c r="B41" s="79">
        <v>45351</v>
      </c>
      <c r="C41" s="80" t="s">
        <v>57</v>
      </c>
      <c r="D41" s="80">
        <v>2</v>
      </c>
      <c r="E41" s="80">
        <v>2024</v>
      </c>
      <c r="F41" s="80" t="s">
        <v>59</v>
      </c>
      <c r="G41" s="80" t="s">
        <v>140</v>
      </c>
      <c r="H41" s="80" t="s">
        <v>152</v>
      </c>
      <c r="I41" s="80" t="s">
        <v>102</v>
      </c>
      <c r="J41" s="80" t="s">
        <v>103</v>
      </c>
      <c r="K41" s="80">
        <v>1630</v>
      </c>
      <c r="L41" s="80" t="s">
        <v>104</v>
      </c>
      <c r="M41" s="80" t="s">
        <v>104</v>
      </c>
      <c r="N41" s="80" t="s">
        <v>105</v>
      </c>
      <c r="O41" s="80" t="s">
        <v>145</v>
      </c>
      <c r="P41" s="80" t="s">
        <v>142</v>
      </c>
      <c r="Q41" s="80" t="s">
        <v>108</v>
      </c>
      <c r="R41" s="80" t="s">
        <v>109</v>
      </c>
      <c r="S41" s="80" t="s">
        <v>110</v>
      </c>
      <c r="T41" s="80" t="s">
        <v>104</v>
      </c>
      <c r="U41" s="80" t="s">
        <v>111</v>
      </c>
      <c r="V41" s="80" t="s">
        <v>184</v>
      </c>
      <c r="W41" s="80">
        <v>5</v>
      </c>
      <c r="X41" s="80" t="s">
        <v>113</v>
      </c>
      <c r="Y41" s="80" t="s">
        <v>114</v>
      </c>
      <c r="Z41" s="80" t="s">
        <v>104</v>
      </c>
      <c r="AA41" s="80" t="s">
        <v>119</v>
      </c>
      <c r="AB41" s="81" t="s">
        <v>180</v>
      </c>
    </row>
    <row r="42" spans="1:28">
      <c r="A42" s="78" t="s">
        <v>42</v>
      </c>
      <c r="B42" s="79">
        <v>45351</v>
      </c>
      <c r="C42" s="80" t="s">
        <v>57</v>
      </c>
      <c r="D42" s="80">
        <v>2</v>
      </c>
      <c r="E42" s="80">
        <v>2024</v>
      </c>
      <c r="F42" s="80" t="s">
        <v>59</v>
      </c>
      <c r="G42" s="80" t="s">
        <v>140</v>
      </c>
      <c r="H42" s="80" t="s">
        <v>152</v>
      </c>
      <c r="I42" s="80" t="s">
        <v>102</v>
      </c>
      <c r="J42" s="80" t="s">
        <v>103</v>
      </c>
      <c r="K42" s="80">
        <v>1202</v>
      </c>
      <c r="L42" s="80" t="s">
        <v>104</v>
      </c>
      <c r="M42" s="80" t="s">
        <v>104</v>
      </c>
      <c r="N42" s="80" t="s">
        <v>105</v>
      </c>
      <c r="O42" s="80" t="s">
        <v>148</v>
      </c>
      <c r="P42" s="80" t="s">
        <v>142</v>
      </c>
      <c r="Q42" s="80" t="s">
        <v>108</v>
      </c>
      <c r="R42" s="80" t="s">
        <v>109</v>
      </c>
      <c r="S42" s="80" t="s">
        <v>110</v>
      </c>
      <c r="T42" s="80" t="s">
        <v>104</v>
      </c>
      <c r="U42" s="80" t="s">
        <v>111</v>
      </c>
      <c r="V42" s="80" t="s">
        <v>185</v>
      </c>
      <c r="W42" s="80">
        <v>45</v>
      </c>
      <c r="X42" s="80" t="s">
        <v>113</v>
      </c>
      <c r="Y42" s="80" t="s">
        <v>114</v>
      </c>
      <c r="Z42" s="80" t="s">
        <v>104</v>
      </c>
      <c r="AA42" s="80" t="s">
        <v>119</v>
      </c>
      <c r="AB42" s="81" t="s">
        <v>182</v>
      </c>
    </row>
    <row r="43" spans="1:28">
      <c r="A43" s="78" t="s">
        <v>40</v>
      </c>
      <c r="B43" s="79">
        <v>45382</v>
      </c>
      <c r="C43" s="80" t="s">
        <v>57</v>
      </c>
      <c r="D43" s="80">
        <v>3</v>
      </c>
      <c r="E43" s="80">
        <v>2024</v>
      </c>
      <c r="F43" s="80" t="s">
        <v>59</v>
      </c>
      <c r="G43" s="80" t="s">
        <v>140</v>
      </c>
      <c r="H43" s="80" t="s">
        <v>186</v>
      </c>
      <c r="I43" s="80" t="s">
        <v>102</v>
      </c>
      <c r="J43" s="80" t="s">
        <v>103</v>
      </c>
      <c r="K43" s="80">
        <v>48269</v>
      </c>
      <c r="L43" s="80" t="s">
        <v>104</v>
      </c>
      <c r="M43" s="80" t="s">
        <v>104</v>
      </c>
      <c r="N43" s="80" t="s">
        <v>105</v>
      </c>
      <c r="O43" s="80" t="s">
        <v>106</v>
      </c>
      <c r="P43" s="80" t="s">
        <v>142</v>
      </c>
      <c r="Q43" s="80" t="s">
        <v>108</v>
      </c>
      <c r="R43" s="80" t="s">
        <v>109</v>
      </c>
      <c r="S43" s="80" t="s">
        <v>110</v>
      </c>
      <c r="T43" s="80" t="s">
        <v>104</v>
      </c>
      <c r="U43" s="80" t="s">
        <v>111</v>
      </c>
      <c r="V43" s="80" t="s">
        <v>187</v>
      </c>
      <c r="W43" s="80">
        <v>1</v>
      </c>
      <c r="X43" s="80" t="s">
        <v>124</v>
      </c>
      <c r="Y43" s="80" t="s">
        <v>174</v>
      </c>
      <c r="Z43" s="80" t="s">
        <v>104</v>
      </c>
      <c r="AA43" s="80" t="s">
        <v>119</v>
      </c>
      <c r="AB43" s="81" t="s">
        <v>178</v>
      </c>
    </row>
    <row r="44" spans="1:28">
      <c r="A44" s="78" t="s">
        <v>41</v>
      </c>
      <c r="B44" s="79">
        <v>45382</v>
      </c>
      <c r="C44" s="80" t="s">
        <v>57</v>
      </c>
      <c r="D44" s="80">
        <v>3</v>
      </c>
      <c r="E44" s="80">
        <v>2024</v>
      </c>
      <c r="F44" s="80" t="s">
        <v>59</v>
      </c>
      <c r="G44" s="80" t="s">
        <v>140</v>
      </c>
      <c r="H44" s="80" t="s">
        <v>186</v>
      </c>
      <c r="I44" s="80" t="s">
        <v>102</v>
      </c>
      <c r="J44" s="80" t="s">
        <v>103</v>
      </c>
      <c r="K44" s="80">
        <v>1630</v>
      </c>
      <c r="L44" s="80" t="s">
        <v>104</v>
      </c>
      <c r="M44" s="80" t="s">
        <v>104</v>
      </c>
      <c r="N44" s="80" t="s">
        <v>105</v>
      </c>
      <c r="O44" s="80" t="s">
        <v>145</v>
      </c>
      <c r="P44" s="80" t="s">
        <v>142</v>
      </c>
      <c r="Q44" s="80" t="s">
        <v>108</v>
      </c>
      <c r="R44" s="80" t="s">
        <v>109</v>
      </c>
      <c r="S44" s="80" t="s">
        <v>110</v>
      </c>
      <c r="T44" s="80" t="s">
        <v>104</v>
      </c>
      <c r="U44" s="80" t="s">
        <v>111</v>
      </c>
      <c r="V44" s="80" t="s">
        <v>188</v>
      </c>
      <c r="W44" s="80">
        <v>5</v>
      </c>
      <c r="X44" s="80" t="s">
        <v>124</v>
      </c>
      <c r="Y44" s="80" t="s">
        <v>174</v>
      </c>
      <c r="Z44" s="80" t="s">
        <v>104</v>
      </c>
      <c r="AA44" s="80" t="s">
        <v>119</v>
      </c>
      <c r="AB44" s="81" t="s">
        <v>180</v>
      </c>
    </row>
    <row r="45" spans="1:28">
      <c r="A45" s="78" t="s">
        <v>42</v>
      </c>
      <c r="B45" s="79">
        <v>45382</v>
      </c>
      <c r="C45" s="80" t="s">
        <v>57</v>
      </c>
      <c r="D45" s="80">
        <v>3</v>
      </c>
      <c r="E45" s="80">
        <v>2024</v>
      </c>
      <c r="F45" s="80" t="s">
        <v>59</v>
      </c>
      <c r="G45" s="80" t="s">
        <v>140</v>
      </c>
      <c r="H45" s="80" t="s">
        <v>186</v>
      </c>
      <c r="I45" s="80" t="s">
        <v>102</v>
      </c>
      <c r="J45" s="80" t="s">
        <v>103</v>
      </c>
      <c r="K45" s="80">
        <v>1202</v>
      </c>
      <c r="L45" s="80" t="s">
        <v>104</v>
      </c>
      <c r="M45" s="80" t="s">
        <v>104</v>
      </c>
      <c r="N45" s="80" t="s">
        <v>105</v>
      </c>
      <c r="O45" s="80" t="s">
        <v>148</v>
      </c>
      <c r="P45" s="80" t="s">
        <v>142</v>
      </c>
      <c r="Q45" s="80" t="s">
        <v>108</v>
      </c>
      <c r="R45" s="80" t="s">
        <v>109</v>
      </c>
      <c r="S45" s="80" t="s">
        <v>110</v>
      </c>
      <c r="T45" s="80" t="s">
        <v>104</v>
      </c>
      <c r="U45" s="80" t="s">
        <v>111</v>
      </c>
      <c r="V45" s="80" t="s">
        <v>189</v>
      </c>
      <c r="W45" s="80">
        <v>45</v>
      </c>
      <c r="X45" s="80" t="s">
        <v>124</v>
      </c>
      <c r="Y45" s="80" t="s">
        <v>174</v>
      </c>
      <c r="Z45" s="80" t="s">
        <v>104</v>
      </c>
      <c r="AA45" s="80" t="s">
        <v>119</v>
      </c>
      <c r="AB45" s="81" t="s">
        <v>182</v>
      </c>
    </row>
    <row r="46" spans="1:28">
      <c r="A46" s="78" t="s">
        <v>40</v>
      </c>
      <c r="B46" s="79">
        <v>45412</v>
      </c>
      <c r="C46" s="80" t="s">
        <v>57</v>
      </c>
      <c r="D46" s="80">
        <v>4</v>
      </c>
      <c r="E46" s="80">
        <v>2024</v>
      </c>
      <c r="F46" s="80" t="s">
        <v>59</v>
      </c>
      <c r="G46" s="80" t="s">
        <v>140</v>
      </c>
      <c r="H46" s="80" t="s">
        <v>186</v>
      </c>
      <c r="I46" s="80" t="s">
        <v>102</v>
      </c>
      <c r="J46" s="80" t="s">
        <v>103</v>
      </c>
      <c r="K46" s="80">
        <v>48269</v>
      </c>
      <c r="L46" s="80" t="s">
        <v>104</v>
      </c>
      <c r="M46" s="80" t="s">
        <v>104</v>
      </c>
      <c r="N46" s="80" t="s">
        <v>105</v>
      </c>
      <c r="O46" s="80" t="s">
        <v>106</v>
      </c>
      <c r="P46" s="80" t="s">
        <v>142</v>
      </c>
      <c r="Q46" s="80" t="s">
        <v>108</v>
      </c>
      <c r="R46" s="80" t="s">
        <v>109</v>
      </c>
      <c r="S46" s="80" t="s">
        <v>110</v>
      </c>
      <c r="T46" s="80" t="s">
        <v>104</v>
      </c>
      <c r="U46" s="80" t="s">
        <v>111</v>
      </c>
      <c r="V46" s="80" t="s">
        <v>190</v>
      </c>
      <c r="W46" s="80">
        <v>1</v>
      </c>
      <c r="X46" s="80" t="s">
        <v>124</v>
      </c>
      <c r="Y46" s="80" t="s">
        <v>174</v>
      </c>
      <c r="Z46" s="80" t="s">
        <v>104</v>
      </c>
      <c r="AA46" s="80" t="s">
        <v>119</v>
      </c>
      <c r="AB46" s="81" t="s">
        <v>178</v>
      </c>
    </row>
    <row r="47" spans="1:28">
      <c r="A47" s="78" t="s">
        <v>41</v>
      </c>
      <c r="B47" s="79">
        <v>45412</v>
      </c>
      <c r="C47" s="80" t="s">
        <v>57</v>
      </c>
      <c r="D47" s="80">
        <v>4</v>
      </c>
      <c r="E47" s="80">
        <v>2024</v>
      </c>
      <c r="F47" s="80" t="s">
        <v>59</v>
      </c>
      <c r="G47" s="80" t="s">
        <v>140</v>
      </c>
      <c r="H47" s="80" t="s">
        <v>186</v>
      </c>
      <c r="I47" s="80" t="s">
        <v>102</v>
      </c>
      <c r="J47" s="80" t="s">
        <v>103</v>
      </c>
      <c r="K47" s="80">
        <v>1630</v>
      </c>
      <c r="L47" s="80" t="s">
        <v>104</v>
      </c>
      <c r="M47" s="80" t="s">
        <v>104</v>
      </c>
      <c r="N47" s="80" t="s">
        <v>105</v>
      </c>
      <c r="O47" s="80" t="s">
        <v>145</v>
      </c>
      <c r="P47" s="80" t="s">
        <v>142</v>
      </c>
      <c r="Q47" s="80" t="s">
        <v>108</v>
      </c>
      <c r="R47" s="80" t="s">
        <v>109</v>
      </c>
      <c r="S47" s="80" t="s">
        <v>110</v>
      </c>
      <c r="T47" s="80" t="s">
        <v>104</v>
      </c>
      <c r="U47" s="80" t="s">
        <v>111</v>
      </c>
      <c r="V47" s="80" t="s">
        <v>191</v>
      </c>
      <c r="W47" s="80">
        <v>5</v>
      </c>
      <c r="X47" s="80" t="s">
        <v>124</v>
      </c>
      <c r="Y47" s="80" t="s">
        <v>174</v>
      </c>
      <c r="Z47" s="80" t="s">
        <v>104</v>
      </c>
      <c r="AA47" s="80" t="s">
        <v>119</v>
      </c>
      <c r="AB47" s="81" t="s">
        <v>180</v>
      </c>
    </row>
    <row r="48" spans="1:28">
      <c r="A48" s="78" t="s">
        <v>42</v>
      </c>
      <c r="B48" s="79">
        <v>45412</v>
      </c>
      <c r="C48" s="80" t="s">
        <v>57</v>
      </c>
      <c r="D48" s="80">
        <v>4</v>
      </c>
      <c r="E48" s="80">
        <v>2024</v>
      </c>
      <c r="F48" s="80" t="s">
        <v>59</v>
      </c>
      <c r="G48" s="80" t="s">
        <v>140</v>
      </c>
      <c r="H48" s="80" t="s">
        <v>186</v>
      </c>
      <c r="I48" s="80" t="s">
        <v>102</v>
      </c>
      <c r="J48" s="80" t="s">
        <v>103</v>
      </c>
      <c r="K48" s="80">
        <v>1202</v>
      </c>
      <c r="L48" s="80" t="s">
        <v>104</v>
      </c>
      <c r="M48" s="80" t="s">
        <v>104</v>
      </c>
      <c r="N48" s="80" t="s">
        <v>105</v>
      </c>
      <c r="O48" s="80" t="s">
        <v>148</v>
      </c>
      <c r="P48" s="80" t="s">
        <v>142</v>
      </c>
      <c r="Q48" s="80" t="s">
        <v>108</v>
      </c>
      <c r="R48" s="80" t="s">
        <v>109</v>
      </c>
      <c r="S48" s="80" t="s">
        <v>110</v>
      </c>
      <c r="T48" s="80" t="s">
        <v>104</v>
      </c>
      <c r="U48" s="80" t="s">
        <v>111</v>
      </c>
      <c r="V48" s="80" t="s">
        <v>192</v>
      </c>
      <c r="W48" s="80">
        <v>45</v>
      </c>
      <c r="X48" s="80" t="s">
        <v>124</v>
      </c>
      <c r="Y48" s="80" t="s">
        <v>174</v>
      </c>
      <c r="Z48" s="80" t="s">
        <v>104</v>
      </c>
      <c r="AA48" s="80" t="s">
        <v>119</v>
      </c>
      <c r="AB48" s="81" t="s">
        <v>182</v>
      </c>
    </row>
    <row r="49" spans="1:28">
      <c r="A49" s="78" t="s">
        <v>40</v>
      </c>
      <c r="B49" s="79">
        <v>45443</v>
      </c>
      <c r="C49" s="80" t="s">
        <v>57</v>
      </c>
      <c r="D49" s="80">
        <v>5</v>
      </c>
      <c r="E49" s="80">
        <v>2024</v>
      </c>
      <c r="F49" s="80" t="s">
        <v>59</v>
      </c>
      <c r="G49" s="80" t="s">
        <v>140</v>
      </c>
      <c r="H49" s="80" t="s">
        <v>186</v>
      </c>
      <c r="I49" s="80" t="s">
        <v>102</v>
      </c>
      <c r="J49" s="80" t="s">
        <v>103</v>
      </c>
      <c r="K49" s="80">
        <v>48269</v>
      </c>
      <c r="L49" s="80" t="s">
        <v>104</v>
      </c>
      <c r="M49" s="80" t="s">
        <v>104</v>
      </c>
      <c r="N49" s="80" t="s">
        <v>105</v>
      </c>
      <c r="O49" s="80" t="s">
        <v>106</v>
      </c>
      <c r="P49" s="80" t="s">
        <v>142</v>
      </c>
      <c r="Q49" s="80" t="s">
        <v>108</v>
      </c>
      <c r="R49" s="80" t="s">
        <v>109</v>
      </c>
      <c r="S49" s="80" t="s">
        <v>110</v>
      </c>
      <c r="T49" s="80" t="s">
        <v>104</v>
      </c>
      <c r="U49" s="80" t="s">
        <v>111</v>
      </c>
      <c r="V49" s="80" t="s">
        <v>193</v>
      </c>
      <c r="W49" s="80">
        <v>1</v>
      </c>
      <c r="X49" s="80" t="s">
        <v>124</v>
      </c>
      <c r="Y49" s="80" t="s">
        <v>194</v>
      </c>
      <c r="Z49" s="80" t="s">
        <v>104</v>
      </c>
      <c r="AA49" s="80" t="s">
        <v>119</v>
      </c>
      <c r="AB49" s="81" t="s">
        <v>178</v>
      </c>
    </row>
    <row r="50" spans="1:28">
      <c r="A50" s="78" t="s">
        <v>41</v>
      </c>
      <c r="B50" s="79">
        <v>45443</v>
      </c>
      <c r="C50" s="80" t="s">
        <v>57</v>
      </c>
      <c r="D50" s="80">
        <v>5</v>
      </c>
      <c r="E50" s="80">
        <v>2024</v>
      </c>
      <c r="F50" s="80" t="s">
        <v>59</v>
      </c>
      <c r="G50" s="80" t="s">
        <v>140</v>
      </c>
      <c r="H50" s="80" t="s">
        <v>186</v>
      </c>
      <c r="I50" s="80" t="s">
        <v>102</v>
      </c>
      <c r="J50" s="80" t="s">
        <v>103</v>
      </c>
      <c r="K50" s="80">
        <v>1630</v>
      </c>
      <c r="L50" s="80" t="s">
        <v>104</v>
      </c>
      <c r="M50" s="80" t="s">
        <v>104</v>
      </c>
      <c r="N50" s="80" t="s">
        <v>105</v>
      </c>
      <c r="O50" s="80" t="s">
        <v>145</v>
      </c>
      <c r="P50" s="80" t="s">
        <v>142</v>
      </c>
      <c r="Q50" s="80" t="s">
        <v>108</v>
      </c>
      <c r="R50" s="80" t="s">
        <v>109</v>
      </c>
      <c r="S50" s="80" t="s">
        <v>110</v>
      </c>
      <c r="T50" s="80" t="s">
        <v>104</v>
      </c>
      <c r="U50" s="80" t="s">
        <v>111</v>
      </c>
      <c r="V50" s="80" t="s">
        <v>195</v>
      </c>
      <c r="W50" s="80">
        <v>5</v>
      </c>
      <c r="X50" s="80" t="s">
        <v>124</v>
      </c>
      <c r="Y50" s="80" t="s">
        <v>194</v>
      </c>
      <c r="Z50" s="80" t="s">
        <v>104</v>
      </c>
      <c r="AA50" s="80" t="s">
        <v>119</v>
      </c>
      <c r="AB50" s="81" t="s">
        <v>180</v>
      </c>
    </row>
    <row r="51" spans="1:28">
      <c r="A51" s="78" t="s">
        <v>42</v>
      </c>
      <c r="B51" s="79">
        <v>45443</v>
      </c>
      <c r="C51" s="80" t="s">
        <v>57</v>
      </c>
      <c r="D51" s="80">
        <v>5</v>
      </c>
      <c r="E51" s="80">
        <v>2024</v>
      </c>
      <c r="F51" s="80" t="s">
        <v>59</v>
      </c>
      <c r="G51" s="80" t="s">
        <v>140</v>
      </c>
      <c r="H51" s="80" t="s">
        <v>186</v>
      </c>
      <c r="I51" s="80" t="s">
        <v>102</v>
      </c>
      <c r="J51" s="80" t="s">
        <v>103</v>
      </c>
      <c r="K51" s="80">
        <v>1202</v>
      </c>
      <c r="L51" s="80" t="s">
        <v>104</v>
      </c>
      <c r="M51" s="80" t="s">
        <v>104</v>
      </c>
      <c r="N51" s="80" t="s">
        <v>105</v>
      </c>
      <c r="O51" s="80" t="s">
        <v>148</v>
      </c>
      <c r="P51" s="80" t="s">
        <v>142</v>
      </c>
      <c r="Q51" s="80" t="s">
        <v>108</v>
      </c>
      <c r="R51" s="80" t="s">
        <v>109</v>
      </c>
      <c r="S51" s="80" t="s">
        <v>110</v>
      </c>
      <c r="T51" s="80" t="s">
        <v>104</v>
      </c>
      <c r="U51" s="80" t="s">
        <v>111</v>
      </c>
      <c r="V51" s="80" t="s">
        <v>196</v>
      </c>
      <c r="W51" s="80">
        <v>45</v>
      </c>
      <c r="X51" s="80" t="s">
        <v>124</v>
      </c>
      <c r="Y51" s="80" t="s">
        <v>194</v>
      </c>
      <c r="Z51" s="80" t="s">
        <v>104</v>
      </c>
      <c r="AA51" s="80" t="s">
        <v>119</v>
      </c>
      <c r="AB51" s="81" t="s">
        <v>182</v>
      </c>
    </row>
    <row r="52" spans="1:28">
      <c r="A52" s="78" t="s">
        <v>40</v>
      </c>
      <c r="B52" s="79">
        <v>45473</v>
      </c>
      <c r="C52" s="80" t="s">
        <v>57</v>
      </c>
      <c r="D52" s="80">
        <v>6</v>
      </c>
      <c r="E52" s="80">
        <v>2024</v>
      </c>
      <c r="F52" s="80" t="s">
        <v>59</v>
      </c>
      <c r="G52" s="80" t="s">
        <v>140</v>
      </c>
      <c r="H52" s="80" t="s">
        <v>152</v>
      </c>
      <c r="I52" s="80" t="s">
        <v>102</v>
      </c>
      <c r="J52" s="80" t="s">
        <v>103</v>
      </c>
      <c r="K52" s="80">
        <v>48269</v>
      </c>
      <c r="L52" s="80" t="s">
        <v>104</v>
      </c>
      <c r="M52" s="80" t="s">
        <v>104</v>
      </c>
      <c r="N52" s="80" t="s">
        <v>105</v>
      </c>
      <c r="O52" s="80" t="s">
        <v>106</v>
      </c>
      <c r="P52" s="80" t="s">
        <v>142</v>
      </c>
      <c r="Q52" s="80" t="s">
        <v>108</v>
      </c>
      <c r="R52" s="80" t="s">
        <v>109</v>
      </c>
      <c r="S52" s="80" t="s">
        <v>110</v>
      </c>
      <c r="T52" s="80" t="s">
        <v>104</v>
      </c>
      <c r="U52" s="80" t="s">
        <v>111</v>
      </c>
      <c r="V52" s="80" t="s">
        <v>197</v>
      </c>
      <c r="W52" s="80">
        <v>1</v>
      </c>
      <c r="X52" s="80" t="s">
        <v>113</v>
      </c>
      <c r="Y52" s="80" t="s">
        <v>114</v>
      </c>
      <c r="Z52" s="80" t="s">
        <v>104</v>
      </c>
      <c r="AA52" s="80" t="s">
        <v>119</v>
      </c>
      <c r="AB52" s="81" t="s">
        <v>178</v>
      </c>
    </row>
    <row r="53" spans="1:28">
      <c r="A53" s="78" t="s">
        <v>41</v>
      </c>
      <c r="B53" s="79">
        <v>45473</v>
      </c>
      <c r="C53" s="80" t="s">
        <v>57</v>
      </c>
      <c r="D53" s="80">
        <v>6</v>
      </c>
      <c r="E53" s="80">
        <v>2024</v>
      </c>
      <c r="F53" s="80" t="s">
        <v>59</v>
      </c>
      <c r="G53" s="80" t="s">
        <v>140</v>
      </c>
      <c r="H53" s="80" t="s">
        <v>152</v>
      </c>
      <c r="I53" s="80" t="s">
        <v>102</v>
      </c>
      <c r="J53" s="80" t="s">
        <v>103</v>
      </c>
      <c r="K53" s="80">
        <v>1630</v>
      </c>
      <c r="L53" s="80" t="s">
        <v>104</v>
      </c>
      <c r="M53" s="80" t="s">
        <v>104</v>
      </c>
      <c r="N53" s="80" t="s">
        <v>105</v>
      </c>
      <c r="O53" s="80" t="s">
        <v>145</v>
      </c>
      <c r="P53" s="80" t="s">
        <v>142</v>
      </c>
      <c r="Q53" s="80" t="s">
        <v>108</v>
      </c>
      <c r="R53" s="80" t="s">
        <v>109</v>
      </c>
      <c r="S53" s="80" t="s">
        <v>110</v>
      </c>
      <c r="T53" s="80" t="s">
        <v>104</v>
      </c>
      <c r="U53" s="80" t="s">
        <v>111</v>
      </c>
      <c r="V53" s="80" t="s">
        <v>198</v>
      </c>
      <c r="W53" s="80">
        <v>5</v>
      </c>
      <c r="X53" s="80" t="s">
        <v>113</v>
      </c>
      <c r="Y53" s="80" t="s">
        <v>114</v>
      </c>
      <c r="Z53" s="80" t="s">
        <v>104</v>
      </c>
      <c r="AA53" s="80" t="s">
        <v>119</v>
      </c>
      <c r="AB53" s="81" t="s">
        <v>180</v>
      </c>
    </row>
    <row r="54" spans="1:28">
      <c r="A54" s="78" t="s">
        <v>42</v>
      </c>
      <c r="B54" s="79">
        <v>45473</v>
      </c>
      <c r="C54" s="80" t="s">
        <v>57</v>
      </c>
      <c r="D54" s="80">
        <v>6</v>
      </c>
      <c r="E54" s="80">
        <v>2024</v>
      </c>
      <c r="F54" s="80" t="s">
        <v>59</v>
      </c>
      <c r="G54" s="80" t="s">
        <v>140</v>
      </c>
      <c r="H54" s="80" t="s">
        <v>152</v>
      </c>
      <c r="I54" s="80" t="s">
        <v>102</v>
      </c>
      <c r="J54" s="80" t="s">
        <v>103</v>
      </c>
      <c r="K54" s="80">
        <v>1202</v>
      </c>
      <c r="L54" s="80" t="s">
        <v>104</v>
      </c>
      <c r="M54" s="80" t="s">
        <v>104</v>
      </c>
      <c r="N54" s="80" t="s">
        <v>105</v>
      </c>
      <c r="O54" s="80" t="s">
        <v>148</v>
      </c>
      <c r="P54" s="80" t="s">
        <v>142</v>
      </c>
      <c r="Q54" s="80" t="s">
        <v>108</v>
      </c>
      <c r="R54" s="80" t="s">
        <v>109</v>
      </c>
      <c r="S54" s="80" t="s">
        <v>110</v>
      </c>
      <c r="T54" s="80" t="s">
        <v>104</v>
      </c>
      <c r="U54" s="80" t="s">
        <v>111</v>
      </c>
      <c r="V54" s="80" t="s">
        <v>199</v>
      </c>
      <c r="W54" s="80">
        <v>45</v>
      </c>
      <c r="X54" s="80" t="s">
        <v>113</v>
      </c>
      <c r="Y54" s="80" t="s">
        <v>114</v>
      </c>
      <c r="Z54" s="80" t="s">
        <v>104</v>
      </c>
      <c r="AA54" s="80" t="s">
        <v>119</v>
      </c>
      <c r="AB54" s="81" t="s">
        <v>182</v>
      </c>
    </row>
    <row r="55" spans="1:28">
      <c r="A55" s="78" t="s">
        <v>40</v>
      </c>
      <c r="B55" s="79">
        <v>45504</v>
      </c>
      <c r="C55" s="80" t="s">
        <v>57</v>
      </c>
      <c r="D55" s="80">
        <v>7</v>
      </c>
      <c r="E55" s="80">
        <v>2024</v>
      </c>
      <c r="F55" s="80" t="s">
        <v>59</v>
      </c>
      <c r="G55" s="80" t="s">
        <v>140</v>
      </c>
      <c r="H55" s="80" t="s">
        <v>152</v>
      </c>
      <c r="I55" s="80" t="s">
        <v>102</v>
      </c>
      <c r="J55" s="80" t="s">
        <v>103</v>
      </c>
      <c r="K55" s="80">
        <v>48269</v>
      </c>
      <c r="L55" s="80" t="s">
        <v>104</v>
      </c>
      <c r="M55" s="80" t="s">
        <v>104</v>
      </c>
      <c r="N55" s="80" t="s">
        <v>105</v>
      </c>
      <c r="O55" s="80" t="s">
        <v>106</v>
      </c>
      <c r="P55" s="80" t="s">
        <v>142</v>
      </c>
      <c r="Q55" s="80" t="s">
        <v>108</v>
      </c>
      <c r="R55" s="80" t="s">
        <v>109</v>
      </c>
      <c r="S55" s="80" t="s">
        <v>110</v>
      </c>
      <c r="T55" s="80" t="s">
        <v>104</v>
      </c>
      <c r="U55" s="80" t="s">
        <v>111</v>
      </c>
      <c r="V55" s="80" t="s">
        <v>200</v>
      </c>
      <c r="W55" s="80">
        <v>1</v>
      </c>
      <c r="X55" s="80" t="s">
        <v>113</v>
      </c>
      <c r="Y55" s="80" t="s">
        <v>114</v>
      </c>
      <c r="Z55" s="80" t="s">
        <v>104</v>
      </c>
      <c r="AA55" s="80" t="s">
        <v>119</v>
      </c>
      <c r="AB55" s="81" t="s">
        <v>178</v>
      </c>
    </row>
    <row r="56" spans="1:28">
      <c r="A56" s="78" t="s">
        <v>41</v>
      </c>
      <c r="B56" s="79">
        <v>45504</v>
      </c>
      <c r="C56" s="80" t="s">
        <v>57</v>
      </c>
      <c r="D56" s="80">
        <v>7</v>
      </c>
      <c r="E56" s="80">
        <v>2024</v>
      </c>
      <c r="F56" s="80" t="s">
        <v>59</v>
      </c>
      <c r="G56" s="80" t="s">
        <v>140</v>
      </c>
      <c r="H56" s="80" t="s">
        <v>152</v>
      </c>
      <c r="I56" s="80" t="s">
        <v>102</v>
      </c>
      <c r="J56" s="80" t="s">
        <v>103</v>
      </c>
      <c r="K56" s="80">
        <v>1630</v>
      </c>
      <c r="L56" s="80" t="s">
        <v>104</v>
      </c>
      <c r="M56" s="80" t="s">
        <v>104</v>
      </c>
      <c r="N56" s="80" t="s">
        <v>105</v>
      </c>
      <c r="O56" s="80" t="s">
        <v>145</v>
      </c>
      <c r="P56" s="80" t="s">
        <v>142</v>
      </c>
      <c r="Q56" s="80" t="s">
        <v>108</v>
      </c>
      <c r="R56" s="80" t="s">
        <v>109</v>
      </c>
      <c r="S56" s="80" t="s">
        <v>110</v>
      </c>
      <c r="T56" s="80" t="s">
        <v>104</v>
      </c>
      <c r="U56" s="80" t="s">
        <v>111</v>
      </c>
      <c r="V56" s="80" t="s">
        <v>201</v>
      </c>
      <c r="W56" s="80">
        <v>5</v>
      </c>
      <c r="X56" s="80" t="s">
        <v>113</v>
      </c>
      <c r="Y56" s="80" t="s">
        <v>114</v>
      </c>
      <c r="Z56" s="80" t="s">
        <v>104</v>
      </c>
      <c r="AA56" s="80" t="s">
        <v>119</v>
      </c>
      <c r="AB56" s="81" t="s">
        <v>180</v>
      </c>
    </row>
    <row r="57" spans="1:28" s="11" customFormat="1" hidden="1">
      <c r="A57" s="66" t="s">
        <v>41</v>
      </c>
      <c r="B57" s="63">
        <v>45504</v>
      </c>
      <c r="C57" s="67" t="s">
        <v>202</v>
      </c>
      <c r="D57" s="67">
        <v>7</v>
      </c>
      <c r="E57" s="67">
        <v>2024</v>
      </c>
      <c r="F57" s="67" t="s">
        <v>59</v>
      </c>
      <c r="G57" s="67" t="s">
        <v>140</v>
      </c>
      <c r="H57" s="67" t="s">
        <v>203</v>
      </c>
      <c r="I57" s="67" t="s">
        <v>204</v>
      </c>
      <c r="J57" s="67" t="s">
        <v>205</v>
      </c>
      <c r="K57" s="67">
        <v>3319</v>
      </c>
      <c r="L57" s="67" t="s">
        <v>104</v>
      </c>
      <c r="M57" s="67" t="s">
        <v>104</v>
      </c>
      <c r="N57" s="67" t="s">
        <v>105</v>
      </c>
      <c r="O57" s="67" t="s">
        <v>206</v>
      </c>
      <c r="P57" s="67" t="s">
        <v>142</v>
      </c>
      <c r="Q57" s="67" t="s">
        <v>108</v>
      </c>
      <c r="R57" s="67" t="s">
        <v>109</v>
      </c>
      <c r="S57" s="67" t="s">
        <v>110</v>
      </c>
      <c r="T57" s="67" t="s">
        <v>104</v>
      </c>
      <c r="U57" s="67" t="s">
        <v>111</v>
      </c>
      <c r="V57" s="67" t="s">
        <v>207</v>
      </c>
      <c r="W57" s="67">
        <v>13</v>
      </c>
      <c r="X57" s="67" t="s">
        <v>208</v>
      </c>
      <c r="Y57" s="67" t="s">
        <v>209</v>
      </c>
      <c r="Z57" s="67" t="s">
        <v>104</v>
      </c>
      <c r="AA57" s="67" t="s">
        <v>104</v>
      </c>
      <c r="AB57" s="68" t="s">
        <v>203</v>
      </c>
    </row>
    <row r="58" spans="1:28">
      <c r="A58" s="78" t="s">
        <v>42</v>
      </c>
      <c r="B58" s="79">
        <v>45504</v>
      </c>
      <c r="C58" s="80" t="s">
        <v>57</v>
      </c>
      <c r="D58" s="80">
        <v>7</v>
      </c>
      <c r="E58" s="80">
        <v>2024</v>
      </c>
      <c r="F58" s="80" t="s">
        <v>59</v>
      </c>
      <c r="G58" s="80" t="s">
        <v>140</v>
      </c>
      <c r="H58" s="80" t="s">
        <v>152</v>
      </c>
      <c r="I58" s="80" t="s">
        <v>102</v>
      </c>
      <c r="J58" s="80" t="s">
        <v>103</v>
      </c>
      <c r="K58" s="80">
        <v>1202</v>
      </c>
      <c r="L58" s="80" t="s">
        <v>104</v>
      </c>
      <c r="M58" s="80" t="s">
        <v>104</v>
      </c>
      <c r="N58" s="80" t="s">
        <v>105</v>
      </c>
      <c r="O58" s="80" t="s">
        <v>148</v>
      </c>
      <c r="P58" s="80" t="s">
        <v>142</v>
      </c>
      <c r="Q58" s="80" t="s">
        <v>108</v>
      </c>
      <c r="R58" s="80" t="s">
        <v>109</v>
      </c>
      <c r="S58" s="80" t="s">
        <v>110</v>
      </c>
      <c r="T58" s="80" t="s">
        <v>104</v>
      </c>
      <c r="U58" s="80" t="s">
        <v>111</v>
      </c>
      <c r="V58" s="80" t="s">
        <v>210</v>
      </c>
      <c r="W58" s="80">
        <v>45</v>
      </c>
      <c r="X58" s="80" t="s">
        <v>113</v>
      </c>
      <c r="Y58" s="80" t="s">
        <v>114</v>
      </c>
      <c r="Z58" s="80" t="s">
        <v>104</v>
      </c>
      <c r="AA58" s="80" t="s">
        <v>119</v>
      </c>
      <c r="AB58" s="81" t="s">
        <v>182</v>
      </c>
    </row>
    <row r="59" spans="1:28">
      <c r="A59" s="78" t="s">
        <v>40</v>
      </c>
      <c r="B59" s="79">
        <v>45535</v>
      </c>
      <c r="C59" s="80" t="s">
        <v>57</v>
      </c>
      <c r="D59" s="80">
        <v>8</v>
      </c>
      <c r="E59" s="80">
        <v>2024</v>
      </c>
      <c r="F59" s="80" t="s">
        <v>59</v>
      </c>
      <c r="G59" s="80" t="s">
        <v>140</v>
      </c>
      <c r="H59" s="80" t="s">
        <v>152</v>
      </c>
      <c r="I59" s="80" t="s">
        <v>102</v>
      </c>
      <c r="J59" s="80" t="s">
        <v>103</v>
      </c>
      <c r="K59" s="80">
        <v>48269</v>
      </c>
      <c r="L59" s="80" t="s">
        <v>104</v>
      </c>
      <c r="M59" s="80" t="s">
        <v>104</v>
      </c>
      <c r="N59" s="80" t="s">
        <v>105</v>
      </c>
      <c r="O59" s="80" t="s">
        <v>106</v>
      </c>
      <c r="P59" s="80" t="s">
        <v>142</v>
      </c>
      <c r="Q59" s="80" t="s">
        <v>108</v>
      </c>
      <c r="R59" s="80" t="s">
        <v>109</v>
      </c>
      <c r="S59" s="80" t="s">
        <v>110</v>
      </c>
      <c r="T59" s="80" t="s">
        <v>104</v>
      </c>
      <c r="U59" s="80" t="s">
        <v>111</v>
      </c>
      <c r="V59" s="80" t="s">
        <v>211</v>
      </c>
      <c r="W59" s="80">
        <v>1</v>
      </c>
      <c r="X59" s="80" t="s">
        <v>113</v>
      </c>
      <c r="Y59" s="80" t="s">
        <v>114</v>
      </c>
      <c r="Z59" s="80" t="s">
        <v>104</v>
      </c>
      <c r="AA59" s="80" t="s">
        <v>119</v>
      </c>
      <c r="AB59" s="81" t="s">
        <v>178</v>
      </c>
    </row>
    <row r="60" spans="1:28">
      <c r="A60" s="78" t="s">
        <v>41</v>
      </c>
      <c r="B60" s="79">
        <v>45535</v>
      </c>
      <c r="C60" s="80" t="s">
        <v>57</v>
      </c>
      <c r="D60" s="80">
        <v>8</v>
      </c>
      <c r="E60" s="80">
        <v>2024</v>
      </c>
      <c r="F60" s="80" t="s">
        <v>59</v>
      </c>
      <c r="G60" s="80" t="s">
        <v>140</v>
      </c>
      <c r="H60" s="80" t="s">
        <v>152</v>
      </c>
      <c r="I60" s="80" t="s">
        <v>102</v>
      </c>
      <c r="J60" s="80" t="s">
        <v>103</v>
      </c>
      <c r="K60" s="80">
        <v>1630</v>
      </c>
      <c r="L60" s="80" t="s">
        <v>104</v>
      </c>
      <c r="M60" s="80" t="s">
        <v>104</v>
      </c>
      <c r="N60" s="80" t="s">
        <v>105</v>
      </c>
      <c r="O60" s="80" t="s">
        <v>145</v>
      </c>
      <c r="P60" s="80" t="s">
        <v>142</v>
      </c>
      <c r="Q60" s="80" t="s">
        <v>108</v>
      </c>
      <c r="R60" s="80" t="s">
        <v>109</v>
      </c>
      <c r="S60" s="80" t="s">
        <v>110</v>
      </c>
      <c r="T60" s="80" t="s">
        <v>104</v>
      </c>
      <c r="U60" s="80" t="s">
        <v>111</v>
      </c>
      <c r="V60" s="80" t="s">
        <v>212</v>
      </c>
      <c r="W60" s="80">
        <v>5</v>
      </c>
      <c r="X60" s="80" t="s">
        <v>113</v>
      </c>
      <c r="Y60" s="80" t="s">
        <v>114</v>
      </c>
      <c r="Z60" s="80" t="s">
        <v>104</v>
      </c>
      <c r="AA60" s="80" t="s">
        <v>119</v>
      </c>
      <c r="AB60" s="81" t="s">
        <v>180</v>
      </c>
    </row>
    <row r="61" spans="1:28">
      <c r="A61" s="78" t="s">
        <v>42</v>
      </c>
      <c r="B61" s="79">
        <v>45535</v>
      </c>
      <c r="C61" s="80" t="s">
        <v>57</v>
      </c>
      <c r="D61" s="80">
        <v>8</v>
      </c>
      <c r="E61" s="80">
        <v>2024</v>
      </c>
      <c r="F61" s="80" t="s">
        <v>59</v>
      </c>
      <c r="G61" s="80" t="s">
        <v>140</v>
      </c>
      <c r="H61" s="80" t="s">
        <v>152</v>
      </c>
      <c r="I61" s="80" t="s">
        <v>102</v>
      </c>
      <c r="J61" s="80" t="s">
        <v>103</v>
      </c>
      <c r="K61" s="80">
        <v>1202</v>
      </c>
      <c r="L61" s="80" t="s">
        <v>104</v>
      </c>
      <c r="M61" s="80" t="s">
        <v>104</v>
      </c>
      <c r="N61" s="80" t="s">
        <v>105</v>
      </c>
      <c r="O61" s="80" t="s">
        <v>148</v>
      </c>
      <c r="P61" s="80" t="s">
        <v>142</v>
      </c>
      <c r="Q61" s="80" t="s">
        <v>108</v>
      </c>
      <c r="R61" s="80" t="s">
        <v>109</v>
      </c>
      <c r="S61" s="80" t="s">
        <v>110</v>
      </c>
      <c r="T61" s="80" t="s">
        <v>104</v>
      </c>
      <c r="U61" s="80" t="s">
        <v>111</v>
      </c>
      <c r="V61" s="80" t="s">
        <v>213</v>
      </c>
      <c r="W61" s="80">
        <v>45</v>
      </c>
      <c r="X61" s="80" t="s">
        <v>113</v>
      </c>
      <c r="Y61" s="80" t="s">
        <v>114</v>
      </c>
      <c r="Z61" s="80" t="s">
        <v>104</v>
      </c>
      <c r="AA61" s="80" t="s">
        <v>119</v>
      </c>
      <c r="AB61" s="81" t="s">
        <v>182</v>
      </c>
    </row>
    <row r="62" spans="1:28">
      <c r="A62" s="78" t="s">
        <v>40</v>
      </c>
      <c r="B62" s="79">
        <v>45565</v>
      </c>
      <c r="C62" s="80" t="s">
        <v>57</v>
      </c>
      <c r="D62" s="80">
        <v>9</v>
      </c>
      <c r="E62" s="80">
        <v>2024</v>
      </c>
      <c r="F62" s="80" t="s">
        <v>59</v>
      </c>
      <c r="G62" s="80" t="s">
        <v>140</v>
      </c>
      <c r="H62" s="80" t="s">
        <v>152</v>
      </c>
      <c r="I62" s="80" t="s">
        <v>102</v>
      </c>
      <c r="J62" s="80" t="s">
        <v>103</v>
      </c>
      <c r="K62" s="80">
        <v>48269</v>
      </c>
      <c r="L62" s="80" t="s">
        <v>104</v>
      </c>
      <c r="M62" s="80" t="s">
        <v>104</v>
      </c>
      <c r="N62" s="80" t="s">
        <v>105</v>
      </c>
      <c r="O62" s="80" t="s">
        <v>106</v>
      </c>
      <c r="P62" s="80" t="s">
        <v>142</v>
      </c>
      <c r="Q62" s="80" t="s">
        <v>108</v>
      </c>
      <c r="R62" s="80" t="s">
        <v>109</v>
      </c>
      <c r="S62" s="80" t="s">
        <v>110</v>
      </c>
      <c r="T62" s="80" t="s">
        <v>104</v>
      </c>
      <c r="U62" s="80" t="s">
        <v>111</v>
      </c>
      <c r="V62" s="80" t="s">
        <v>214</v>
      </c>
      <c r="W62" s="80">
        <v>1</v>
      </c>
      <c r="X62" s="80" t="s">
        <v>113</v>
      </c>
      <c r="Y62" s="80" t="s">
        <v>114</v>
      </c>
      <c r="Z62" s="80" t="s">
        <v>104</v>
      </c>
      <c r="AA62" s="80" t="s">
        <v>119</v>
      </c>
      <c r="AB62" s="81" t="s">
        <v>178</v>
      </c>
    </row>
    <row r="63" spans="1:28">
      <c r="A63" s="78" t="s">
        <v>41</v>
      </c>
      <c r="B63" s="79">
        <v>45565</v>
      </c>
      <c r="C63" s="80" t="s">
        <v>57</v>
      </c>
      <c r="D63" s="80">
        <v>9</v>
      </c>
      <c r="E63" s="80">
        <v>2024</v>
      </c>
      <c r="F63" s="80" t="s">
        <v>59</v>
      </c>
      <c r="G63" s="80" t="s">
        <v>140</v>
      </c>
      <c r="H63" s="80" t="s">
        <v>152</v>
      </c>
      <c r="I63" s="80" t="s">
        <v>102</v>
      </c>
      <c r="J63" s="80" t="s">
        <v>103</v>
      </c>
      <c r="K63" s="80">
        <v>1630</v>
      </c>
      <c r="L63" s="80" t="s">
        <v>104</v>
      </c>
      <c r="M63" s="80" t="s">
        <v>104</v>
      </c>
      <c r="N63" s="80" t="s">
        <v>105</v>
      </c>
      <c r="O63" s="80" t="s">
        <v>145</v>
      </c>
      <c r="P63" s="80" t="s">
        <v>142</v>
      </c>
      <c r="Q63" s="80" t="s">
        <v>108</v>
      </c>
      <c r="R63" s="80" t="s">
        <v>109</v>
      </c>
      <c r="S63" s="80" t="s">
        <v>110</v>
      </c>
      <c r="T63" s="80" t="s">
        <v>104</v>
      </c>
      <c r="U63" s="80" t="s">
        <v>111</v>
      </c>
      <c r="V63" s="80" t="s">
        <v>215</v>
      </c>
      <c r="W63" s="80">
        <v>5</v>
      </c>
      <c r="X63" s="80" t="s">
        <v>113</v>
      </c>
      <c r="Y63" s="80" t="s">
        <v>114</v>
      </c>
      <c r="Z63" s="80" t="s">
        <v>104</v>
      </c>
      <c r="AA63" s="80" t="s">
        <v>119</v>
      </c>
      <c r="AB63" s="81" t="s">
        <v>180</v>
      </c>
    </row>
    <row r="64" spans="1:28">
      <c r="A64" s="78" t="s">
        <v>42</v>
      </c>
      <c r="B64" s="79">
        <v>45565</v>
      </c>
      <c r="C64" s="80" t="s">
        <v>57</v>
      </c>
      <c r="D64" s="80">
        <v>9</v>
      </c>
      <c r="E64" s="80">
        <v>2024</v>
      </c>
      <c r="F64" s="80" t="s">
        <v>59</v>
      </c>
      <c r="G64" s="80" t="s">
        <v>140</v>
      </c>
      <c r="H64" s="80" t="s">
        <v>152</v>
      </c>
      <c r="I64" s="80" t="s">
        <v>102</v>
      </c>
      <c r="J64" s="80" t="s">
        <v>103</v>
      </c>
      <c r="K64" s="80">
        <v>1202</v>
      </c>
      <c r="L64" s="80" t="s">
        <v>104</v>
      </c>
      <c r="M64" s="80" t="s">
        <v>104</v>
      </c>
      <c r="N64" s="80" t="s">
        <v>105</v>
      </c>
      <c r="O64" s="80" t="s">
        <v>148</v>
      </c>
      <c r="P64" s="80" t="s">
        <v>142</v>
      </c>
      <c r="Q64" s="80" t="s">
        <v>108</v>
      </c>
      <c r="R64" s="80" t="s">
        <v>109</v>
      </c>
      <c r="S64" s="80" t="s">
        <v>110</v>
      </c>
      <c r="T64" s="80" t="s">
        <v>104</v>
      </c>
      <c r="U64" s="80" t="s">
        <v>111</v>
      </c>
      <c r="V64" s="80" t="s">
        <v>216</v>
      </c>
      <c r="W64" s="80">
        <v>45</v>
      </c>
      <c r="X64" s="80" t="s">
        <v>113</v>
      </c>
      <c r="Y64" s="80" t="s">
        <v>114</v>
      </c>
      <c r="Z64" s="80" t="s">
        <v>104</v>
      </c>
      <c r="AA64" s="80" t="s">
        <v>119</v>
      </c>
      <c r="AB64" s="81" t="s">
        <v>182</v>
      </c>
    </row>
    <row r="65" spans="1:28">
      <c r="A65" s="78" t="s">
        <v>40</v>
      </c>
      <c r="B65" s="79">
        <v>45596</v>
      </c>
      <c r="C65" s="80" t="s">
        <v>57</v>
      </c>
      <c r="D65" s="80">
        <v>10</v>
      </c>
      <c r="E65" s="80">
        <v>2024</v>
      </c>
      <c r="F65" s="80" t="s">
        <v>59</v>
      </c>
      <c r="G65" s="80" t="s">
        <v>140</v>
      </c>
      <c r="H65" s="80" t="s">
        <v>152</v>
      </c>
      <c r="I65" s="80" t="s">
        <v>102</v>
      </c>
      <c r="J65" s="80" t="s">
        <v>103</v>
      </c>
      <c r="K65" s="80">
        <v>48269</v>
      </c>
      <c r="L65" s="80" t="s">
        <v>104</v>
      </c>
      <c r="M65" s="80" t="s">
        <v>104</v>
      </c>
      <c r="N65" s="80" t="s">
        <v>105</v>
      </c>
      <c r="O65" s="80" t="s">
        <v>106</v>
      </c>
      <c r="P65" s="80" t="s">
        <v>142</v>
      </c>
      <c r="Q65" s="80" t="s">
        <v>108</v>
      </c>
      <c r="R65" s="80" t="s">
        <v>109</v>
      </c>
      <c r="S65" s="80" t="s">
        <v>110</v>
      </c>
      <c r="T65" s="80" t="s">
        <v>104</v>
      </c>
      <c r="U65" s="80" t="s">
        <v>111</v>
      </c>
      <c r="V65" s="80" t="s">
        <v>217</v>
      </c>
      <c r="W65" s="80">
        <v>1</v>
      </c>
      <c r="X65" s="80" t="s">
        <v>113</v>
      </c>
      <c r="Y65" s="80" t="s">
        <v>114</v>
      </c>
      <c r="Z65" s="80" t="s">
        <v>104</v>
      </c>
      <c r="AA65" s="80" t="s">
        <v>119</v>
      </c>
      <c r="AB65" s="81" t="s">
        <v>178</v>
      </c>
    </row>
    <row r="66" spans="1:28">
      <c r="A66" s="78" t="s">
        <v>41</v>
      </c>
      <c r="B66" s="79">
        <v>45596</v>
      </c>
      <c r="C66" s="80" t="s">
        <v>57</v>
      </c>
      <c r="D66" s="80">
        <v>10</v>
      </c>
      <c r="E66" s="80">
        <v>2024</v>
      </c>
      <c r="F66" s="80" t="s">
        <v>59</v>
      </c>
      <c r="G66" s="80" t="s">
        <v>140</v>
      </c>
      <c r="H66" s="80" t="s">
        <v>152</v>
      </c>
      <c r="I66" s="80" t="s">
        <v>102</v>
      </c>
      <c r="J66" s="80" t="s">
        <v>103</v>
      </c>
      <c r="K66" s="80">
        <v>1630</v>
      </c>
      <c r="L66" s="80" t="s">
        <v>104</v>
      </c>
      <c r="M66" s="80" t="s">
        <v>104</v>
      </c>
      <c r="N66" s="80" t="s">
        <v>105</v>
      </c>
      <c r="O66" s="80" t="s">
        <v>145</v>
      </c>
      <c r="P66" s="80" t="s">
        <v>142</v>
      </c>
      <c r="Q66" s="80" t="s">
        <v>108</v>
      </c>
      <c r="R66" s="80" t="s">
        <v>109</v>
      </c>
      <c r="S66" s="80" t="s">
        <v>110</v>
      </c>
      <c r="T66" s="80" t="s">
        <v>104</v>
      </c>
      <c r="U66" s="80" t="s">
        <v>111</v>
      </c>
      <c r="V66" s="80" t="s">
        <v>218</v>
      </c>
      <c r="W66" s="80">
        <v>5</v>
      </c>
      <c r="X66" s="80" t="s">
        <v>113</v>
      </c>
      <c r="Y66" s="80" t="s">
        <v>114</v>
      </c>
      <c r="Z66" s="80" t="s">
        <v>104</v>
      </c>
      <c r="AA66" s="80" t="s">
        <v>119</v>
      </c>
      <c r="AB66" s="81" t="s">
        <v>180</v>
      </c>
    </row>
    <row r="67" spans="1:28">
      <c r="A67" s="78" t="s">
        <v>42</v>
      </c>
      <c r="B67" s="79">
        <v>45596</v>
      </c>
      <c r="C67" s="80" t="s">
        <v>57</v>
      </c>
      <c r="D67" s="80">
        <v>10</v>
      </c>
      <c r="E67" s="80">
        <v>2024</v>
      </c>
      <c r="F67" s="80" t="s">
        <v>59</v>
      </c>
      <c r="G67" s="80" t="s">
        <v>140</v>
      </c>
      <c r="H67" s="80" t="s">
        <v>152</v>
      </c>
      <c r="I67" s="80" t="s">
        <v>102</v>
      </c>
      <c r="J67" s="80" t="s">
        <v>103</v>
      </c>
      <c r="K67" s="80">
        <v>1202</v>
      </c>
      <c r="L67" s="80" t="s">
        <v>104</v>
      </c>
      <c r="M67" s="80" t="s">
        <v>104</v>
      </c>
      <c r="N67" s="80" t="s">
        <v>105</v>
      </c>
      <c r="O67" s="80" t="s">
        <v>148</v>
      </c>
      <c r="P67" s="80" t="s">
        <v>142</v>
      </c>
      <c r="Q67" s="80" t="s">
        <v>108</v>
      </c>
      <c r="R67" s="80" t="s">
        <v>109</v>
      </c>
      <c r="S67" s="80" t="s">
        <v>110</v>
      </c>
      <c r="T67" s="80" t="s">
        <v>104</v>
      </c>
      <c r="U67" s="80" t="s">
        <v>111</v>
      </c>
      <c r="V67" s="80" t="s">
        <v>219</v>
      </c>
      <c r="W67" s="80">
        <v>45</v>
      </c>
      <c r="X67" s="80" t="s">
        <v>113</v>
      </c>
      <c r="Y67" s="80" t="s">
        <v>114</v>
      </c>
      <c r="Z67" s="80" t="s">
        <v>104</v>
      </c>
      <c r="AA67" s="80" t="s">
        <v>119</v>
      </c>
      <c r="AB67" s="81" t="s">
        <v>182</v>
      </c>
    </row>
    <row r="68" spans="1:28">
      <c r="A68" s="78" t="s">
        <v>40</v>
      </c>
      <c r="B68" s="79">
        <v>45626</v>
      </c>
      <c r="C68" s="80" t="s">
        <v>57</v>
      </c>
      <c r="D68" s="80">
        <v>11</v>
      </c>
      <c r="E68" s="80">
        <v>2024</v>
      </c>
      <c r="F68" s="80" t="s">
        <v>59</v>
      </c>
      <c r="G68" s="80" t="s">
        <v>140</v>
      </c>
      <c r="H68" s="80" t="s">
        <v>152</v>
      </c>
      <c r="I68" s="80" t="s">
        <v>102</v>
      </c>
      <c r="J68" s="80" t="s">
        <v>103</v>
      </c>
      <c r="K68" s="80">
        <v>48269</v>
      </c>
      <c r="L68" s="80" t="s">
        <v>104</v>
      </c>
      <c r="M68" s="80" t="s">
        <v>104</v>
      </c>
      <c r="N68" s="80" t="s">
        <v>105</v>
      </c>
      <c r="O68" s="80" t="s">
        <v>106</v>
      </c>
      <c r="P68" s="80" t="s">
        <v>142</v>
      </c>
      <c r="Q68" s="80" t="s">
        <v>108</v>
      </c>
      <c r="R68" s="80" t="s">
        <v>109</v>
      </c>
      <c r="S68" s="80" t="s">
        <v>110</v>
      </c>
      <c r="T68" s="80" t="s">
        <v>104</v>
      </c>
      <c r="U68" s="80" t="s">
        <v>111</v>
      </c>
      <c r="V68" s="80" t="s">
        <v>220</v>
      </c>
      <c r="W68" s="80">
        <v>1</v>
      </c>
      <c r="X68" s="80" t="s">
        <v>113</v>
      </c>
      <c r="Y68" s="80" t="s">
        <v>114</v>
      </c>
      <c r="Z68" s="80" t="s">
        <v>104</v>
      </c>
      <c r="AA68" s="80" t="s">
        <v>119</v>
      </c>
      <c r="AB68" s="81" t="s">
        <v>178</v>
      </c>
    </row>
    <row r="69" spans="1:28">
      <c r="A69" s="78" t="s">
        <v>41</v>
      </c>
      <c r="B69" s="79">
        <v>45626</v>
      </c>
      <c r="C69" s="80" t="s">
        <v>57</v>
      </c>
      <c r="D69" s="80">
        <v>11</v>
      </c>
      <c r="E69" s="80">
        <v>2024</v>
      </c>
      <c r="F69" s="80" t="s">
        <v>59</v>
      </c>
      <c r="G69" s="80" t="s">
        <v>140</v>
      </c>
      <c r="H69" s="80" t="s">
        <v>152</v>
      </c>
      <c r="I69" s="80" t="s">
        <v>102</v>
      </c>
      <c r="J69" s="80" t="s">
        <v>103</v>
      </c>
      <c r="K69" s="80">
        <v>1630</v>
      </c>
      <c r="L69" s="80" t="s">
        <v>104</v>
      </c>
      <c r="M69" s="80" t="s">
        <v>104</v>
      </c>
      <c r="N69" s="80" t="s">
        <v>105</v>
      </c>
      <c r="O69" s="80" t="s">
        <v>145</v>
      </c>
      <c r="P69" s="80" t="s">
        <v>142</v>
      </c>
      <c r="Q69" s="80" t="s">
        <v>108</v>
      </c>
      <c r="R69" s="80" t="s">
        <v>109</v>
      </c>
      <c r="S69" s="80" t="s">
        <v>110</v>
      </c>
      <c r="T69" s="80" t="s">
        <v>104</v>
      </c>
      <c r="U69" s="80" t="s">
        <v>111</v>
      </c>
      <c r="V69" s="80" t="s">
        <v>221</v>
      </c>
      <c r="W69" s="80">
        <v>5</v>
      </c>
      <c r="X69" s="80" t="s">
        <v>113</v>
      </c>
      <c r="Y69" s="80" t="s">
        <v>114</v>
      </c>
      <c r="Z69" s="80" t="s">
        <v>104</v>
      </c>
      <c r="AA69" s="80" t="s">
        <v>119</v>
      </c>
      <c r="AB69" s="81" t="s">
        <v>180</v>
      </c>
    </row>
    <row r="70" spans="1:28">
      <c r="A70" s="78" t="s">
        <v>42</v>
      </c>
      <c r="B70" s="79">
        <v>45626</v>
      </c>
      <c r="C70" s="80" t="s">
        <v>57</v>
      </c>
      <c r="D70" s="80">
        <v>11</v>
      </c>
      <c r="E70" s="80">
        <v>2024</v>
      </c>
      <c r="F70" s="80" t="s">
        <v>59</v>
      </c>
      <c r="G70" s="80" t="s">
        <v>140</v>
      </c>
      <c r="H70" s="80" t="s">
        <v>152</v>
      </c>
      <c r="I70" s="80" t="s">
        <v>102</v>
      </c>
      <c r="J70" s="80" t="s">
        <v>103</v>
      </c>
      <c r="K70" s="80">
        <v>1202</v>
      </c>
      <c r="L70" s="80" t="s">
        <v>104</v>
      </c>
      <c r="M70" s="80" t="s">
        <v>104</v>
      </c>
      <c r="N70" s="80" t="s">
        <v>105</v>
      </c>
      <c r="O70" s="80" t="s">
        <v>148</v>
      </c>
      <c r="P70" s="80" t="s">
        <v>142</v>
      </c>
      <c r="Q70" s="80" t="s">
        <v>108</v>
      </c>
      <c r="R70" s="80" t="s">
        <v>109</v>
      </c>
      <c r="S70" s="80" t="s">
        <v>110</v>
      </c>
      <c r="T70" s="80" t="s">
        <v>104</v>
      </c>
      <c r="U70" s="80" t="s">
        <v>111</v>
      </c>
      <c r="V70" s="80" t="s">
        <v>222</v>
      </c>
      <c r="W70" s="80">
        <v>45</v>
      </c>
      <c r="X70" s="80" t="s">
        <v>113</v>
      </c>
      <c r="Y70" s="80" t="s">
        <v>114</v>
      </c>
      <c r="Z70" s="80" t="s">
        <v>104</v>
      </c>
      <c r="AA70" s="80" t="s">
        <v>119</v>
      </c>
      <c r="AB70" s="81" t="s">
        <v>182</v>
      </c>
    </row>
    <row r="71" spans="1:28">
      <c r="A71" s="78" t="s">
        <v>40</v>
      </c>
      <c r="B71" s="79">
        <v>45657</v>
      </c>
      <c r="C71" s="80" t="s">
        <v>57</v>
      </c>
      <c r="D71" s="80">
        <v>12</v>
      </c>
      <c r="E71" s="80">
        <v>2024</v>
      </c>
      <c r="F71" s="80" t="s">
        <v>59</v>
      </c>
      <c r="G71" s="80" t="s">
        <v>140</v>
      </c>
      <c r="H71" s="80" t="s">
        <v>152</v>
      </c>
      <c r="I71" s="80" t="s">
        <v>102</v>
      </c>
      <c r="J71" s="80" t="s">
        <v>103</v>
      </c>
      <c r="K71" s="80">
        <v>48271</v>
      </c>
      <c r="L71" s="80" t="s">
        <v>104</v>
      </c>
      <c r="M71" s="80" t="s">
        <v>104</v>
      </c>
      <c r="N71" s="80" t="s">
        <v>105</v>
      </c>
      <c r="O71" s="80" t="s">
        <v>106</v>
      </c>
      <c r="P71" s="80" t="s">
        <v>142</v>
      </c>
      <c r="Q71" s="80" t="s">
        <v>108</v>
      </c>
      <c r="R71" s="80" t="s">
        <v>109</v>
      </c>
      <c r="S71" s="80" t="s">
        <v>110</v>
      </c>
      <c r="T71" s="80" t="s">
        <v>104</v>
      </c>
      <c r="U71" s="80" t="s">
        <v>111</v>
      </c>
      <c r="V71" s="80" t="s">
        <v>223</v>
      </c>
      <c r="W71" s="80">
        <v>1</v>
      </c>
      <c r="X71" s="80" t="s">
        <v>113</v>
      </c>
      <c r="Y71" s="80" t="s">
        <v>114</v>
      </c>
      <c r="Z71" s="80" t="s">
        <v>104</v>
      </c>
      <c r="AA71" s="80" t="s">
        <v>119</v>
      </c>
      <c r="AB71" s="81" t="s">
        <v>178</v>
      </c>
    </row>
    <row r="72" spans="1:28">
      <c r="A72" s="78" t="s">
        <v>40</v>
      </c>
      <c r="B72" s="79">
        <v>45645</v>
      </c>
      <c r="C72" s="80" t="s">
        <v>57</v>
      </c>
      <c r="D72" s="80">
        <v>12</v>
      </c>
      <c r="E72" s="80">
        <v>2024</v>
      </c>
      <c r="F72" s="80" t="s">
        <v>59</v>
      </c>
      <c r="G72" s="80" t="s">
        <v>140</v>
      </c>
      <c r="H72" s="80" t="s">
        <v>224</v>
      </c>
      <c r="I72" s="80" t="s">
        <v>102</v>
      </c>
      <c r="J72" s="80" t="s">
        <v>103</v>
      </c>
      <c r="K72" s="82">
        <v>-169737</v>
      </c>
      <c r="L72" s="80" t="s">
        <v>104</v>
      </c>
      <c r="M72" s="80" t="s">
        <v>104</v>
      </c>
      <c r="N72" s="80" t="s">
        <v>105</v>
      </c>
      <c r="O72" s="80" t="s">
        <v>106</v>
      </c>
      <c r="P72" s="80" t="s">
        <v>142</v>
      </c>
      <c r="Q72" s="80" t="s">
        <v>108</v>
      </c>
      <c r="R72" s="80" t="s">
        <v>109</v>
      </c>
      <c r="S72" s="80" t="s">
        <v>110</v>
      </c>
      <c r="T72" s="80" t="s">
        <v>104</v>
      </c>
      <c r="U72" s="80" t="s">
        <v>111</v>
      </c>
      <c r="V72" s="80" t="s">
        <v>225</v>
      </c>
      <c r="W72" s="80">
        <v>7</v>
      </c>
      <c r="X72" s="80" t="s">
        <v>113</v>
      </c>
      <c r="Y72" s="80" t="s">
        <v>114</v>
      </c>
      <c r="Z72" s="80" t="s">
        <v>104</v>
      </c>
      <c r="AA72" s="80" t="s">
        <v>115</v>
      </c>
      <c r="AB72" s="81" t="s">
        <v>178</v>
      </c>
    </row>
    <row r="73" spans="1:28">
      <c r="A73" s="78" t="s">
        <v>41</v>
      </c>
      <c r="B73" s="79">
        <v>45645</v>
      </c>
      <c r="C73" s="80" t="s">
        <v>57</v>
      </c>
      <c r="D73" s="80">
        <v>12</v>
      </c>
      <c r="E73" s="80">
        <v>2024</v>
      </c>
      <c r="F73" s="80" t="s">
        <v>59</v>
      </c>
      <c r="G73" s="80" t="s">
        <v>140</v>
      </c>
      <c r="H73" s="80" t="s">
        <v>224</v>
      </c>
      <c r="I73" s="80" t="s">
        <v>102</v>
      </c>
      <c r="J73" s="80" t="s">
        <v>103</v>
      </c>
      <c r="K73" s="82">
        <v>-5732</v>
      </c>
      <c r="L73" s="80" t="s">
        <v>104</v>
      </c>
      <c r="M73" s="80" t="s">
        <v>104</v>
      </c>
      <c r="N73" s="80" t="s">
        <v>105</v>
      </c>
      <c r="O73" s="80" t="s">
        <v>145</v>
      </c>
      <c r="P73" s="80" t="s">
        <v>142</v>
      </c>
      <c r="Q73" s="80" t="s">
        <v>108</v>
      </c>
      <c r="R73" s="80" t="s">
        <v>109</v>
      </c>
      <c r="S73" s="80" t="s">
        <v>110</v>
      </c>
      <c r="T73" s="80" t="s">
        <v>104</v>
      </c>
      <c r="U73" s="80" t="s">
        <v>111</v>
      </c>
      <c r="V73" s="80" t="s">
        <v>226</v>
      </c>
      <c r="W73" s="80">
        <v>9</v>
      </c>
      <c r="X73" s="80" t="s">
        <v>113</v>
      </c>
      <c r="Y73" s="80" t="s">
        <v>114</v>
      </c>
      <c r="Z73" s="80" t="s">
        <v>104</v>
      </c>
      <c r="AA73" s="80" t="s">
        <v>115</v>
      </c>
      <c r="AB73" s="81" t="s">
        <v>180</v>
      </c>
    </row>
    <row r="74" spans="1:28">
      <c r="A74" s="78" t="s">
        <v>41</v>
      </c>
      <c r="B74" s="79">
        <v>45657</v>
      </c>
      <c r="C74" s="80" t="s">
        <v>57</v>
      </c>
      <c r="D74" s="80">
        <v>12</v>
      </c>
      <c r="E74" s="80">
        <v>2024</v>
      </c>
      <c r="F74" s="80" t="s">
        <v>59</v>
      </c>
      <c r="G74" s="80" t="s">
        <v>140</v>
      </c>
      <c r="H74" s="80" t="s">
        <v>152</v>
      </c>
      <c r="I74" s="80" t="s">
        <v>102</v>
      </c>
      <c r="J74" s="80" t="s">
        <v>103</v>
      </c>
      <c r="K74" s="80">
        <v>1630</v>
      </c>
      <c r="L74" s="80" t="s">
        <v>104</v>
      </c>
      <c r="M74" s="80" t="s">
        <v>104</v>
      </c>
      <c r="N74" s="80" t="s">
        <v>105</v>
      </c>
      <c r="O74" s="80" t="s">
        <v>145</v>
      </c>
      <c r="P74" s="80" t="s">
        <v>142</v>
      </c>
      <c r="Q74" s="80" t="s">
        <v>108</v>
      </c>
      <c r="R74" s="80" t="s">
        <v>109</v>
      </c>
      <c r="S74" s="80" t="s">
        <v>110</v>
      </c>
      <c r="T74" s="80" t="s">
        <v>104</v>
      </c>
      <c r="U74" s="80" t="s">
        <v>111</v>
      </c>
      <c r="V74" s="80" t="s">
        <v>227</v>
      </c>
      <c r="W74" s="80">
        <v>5</v>
      </c>
      <c r="X74" s="80" t="s">
        <v>113</v>
      </c>
      <c r="Y74" s="80" t="s">
        <v>114</v>
      </c>
      <c r="Z74" s="80" t="s">
        <v>104</v>
      </c>
      <c r="AA74" s="80" t="s">
        <v>119</v>
      </c>
      <c r="AB74" s="81" t="s">
        <v>180</v>
      </c>
    </row>
    <row r="75" spans="1:28">
      <c r="A75" s="78" t="s">
        <v>42</v>
      </c>
      <c r="B75" s="79">
        <v>45645</v>
      </c>
      <c r="C75" s="80" t="s">
        <v>57</v>
      </c>
      <c r="D75" s="80">
        <v>12</v>
      </c>
      <c r="E75" s="80">
        <v>2024</v>
      </c>
      <c r="F75" s="80" t="s">
        <v>59</v>
      </c>
      <c r="G75" s="80" t="s">
        <v>140</v>
      </c>
      <c r="H75" s="80" t="s">
        <v>224</v>
      </c>
      <c r="I75" s="80" t="s">
        <v>102</v>
      </c>
      <c r="J75" s="80" t="s">
        <v>103</v>
      </c>
      <c r="K75" s="82">
        <v>-4223</v>
      </c>
      <c r="L75" s="80" t="s">
        <v>104</v>
      </c>
      <c r="M75" s="80" t="s">
        <v>104</v>
      </c>
      <c r="N75" s="80" t="s">
        <v>105</v>
      </c>
      <c r="O75" s="80" t="s">
        <v>148</v>
      </c>
      <c r="P75" s="80" t="s">
        <v>142</v>
      </c>
      <c r="Q75" s="80" t="s">
        <v>108</v>
      </c>
      <c r="R75" s="80" t="s">
        <v>109</v>
      </c>
      <c r="S75" s="80" t="s">
        <v>110</v>
      </c>
      <c r="T75" s="80" t="s">
        <v>104</v>
      </c>
      <c r="U75" s="80" t="s">
        <v>111</v>
      </c>
      <c r="V75" s="80" t="s">
        <v>228</v>
      </c>
      <c r="W75" s="80">
        <v>11</v>
      </c>
      <c r="X75" s="80" t="s">
        <v>113</v>
      </c>
      <c r="Y75" s="80" t="s">
        <v>114</v>
      </c>
      <c r="Z75" s="80" t="s">
        <v>104</v>
      </c>
      <c r="AA75" s="80" t="s">
        <v>115</v>
      </c>
      <c r="AB75" s="81" t="s">
        <v>182</v>
      </c>
    </row>
    <row r="76" spans="1:28">
      <c r="A76" s="78" t="s">
        <v>42</v>
      </c>
      <c r="B76" s="79">
        <v>45657</v>
      </c>
      <c r="C76" s="80" t="s">
        <v>57</v>
      </c>
      <c r="D76" s="80">
        <v>12</v>
      </c>
      <c r="E76" s="80">
        <v>2024</v>
      </c>
      <c r="F76" s="80" t="s">
        <v>59</v>
      </c>
      <c r="G76" s="80" t="s">
        <v>140</v>
      </c>
      <c r="H76" s="80" t="s">
        <v>152</v>
      </c>
      <c r="I76" s="80" t="s">
        <v>102</v>
      </c>
      <c r="J76" s="80" t="s">
        <v>103</v>
      </c>
      <c r="K76" s="80">
        <v>1198</v>
      </c>
      <c r="L76" s="80" t="s">
        <v>104</v>
      </c>
      <c r="M76" s="80" t="s">
        <v>104</v>
      </c>
      <c r="N76" s="80" t="s">
        <v>105</v>
      </c>
      <c r="O76" s="80" t="s">
        <v>148</v>
      </c>
      <c r="P76" s="80" t="s">
        <v>142</v>
      </c>
      <c r="Q76" s="80" t="s">
        <v>108</v>
      </c>
      <c r="R76" s="80" t="s">
        <v>109</v>
      </c>
      <c r="S76" s="80" t="s">
        <v>110</v>
      </c>
      <c r="T76" s="80" t="s">
        <v>104</v>
      </c>
      <c r="U76" s="80" t="s">
        <v>111</v>
      </c>
      <c r="V76" s="80" t="s">
        <v>229</v>
      </c>
      <c r="W76" s="80">
        <v>45</v>
      </c>
      <c r="X76" s="80" t="s">
        <v>113</v>
      </c>
      <c r="Y76" s="80" t="s">
        <v>114</v>
      </c>
      <c r="Z76" s="80" t="s">
        <v>104</v>
      </c>
      <c r="AA76" s="80" t="s">
        <v>119</v>
      </c>
      <c r="AB76" s="81" t="s">
        <v>182</v>
      </c>
    </row>
    <row r="77" spans="1:28">
      <c r="A77" s="78" t="s">
        <v>40</v>
      </c>
      <c r="B77" s="79">
        <v>45688</v>
      </c>
      <c r="C77" s="80" t="s">
        <v>57</v>
      </c>
      <c r="D77" s="80">
        <v>1</v>
      </c>
      <c r="E77" s="80">
        <v>2025</v>
      </c>
      <c r="F77" s="80" t="s">
        <v>61</v>
      </c>
      <c r="G77" s="80" t="s">
        <v>140</v>
      </c>
      <c r="H77" s="80" t="s">
        <v>152</v>
      </c>
      <c r="I77" s="80" t="s">
        <v>102</v>
      </c>
      <c r="J77" s="80" t="s">
        <v>103</v>
      </c>
      <c r="K77" s="80">
        <v>52134</v>
      </c>
      <c r="L77" s="80" t="s">
        <v>104</v>
      </c>
      <c r="M77" s="80" t="s">
        <v>104</v>
      </c>
      <c r="N77" s="80" t="s">
        <v>105</v>
      </c>
      <c r="O77" s="80" t="s">
        <v>106</v>
      </c>
      <c r="P77" s="80" t="s">
        <v>142</v>
      </c>
      <c r="Q77" s="80" t="s">
        <v>108</v>
      </c>
      <c r="R77" s="80" t="s">
        <v>109</v>
      </c>
      <c r="S77" s="80" t="s">
        <v>110</v>
      </c>
      <c r="T77" s="80" t="s">
        <v>104</v>
      </c>
      <c r="U77" s="80" t="s">
        <v>111</v>
      </c>
      <c r="V77" s="80" t="s">
        <v>154</v>
      </c>
      <c r="W77" s="80">
        <v>1</v>
      </c>
      <c r="X77" s="80" t="s">
        <v>113</v>
      </c>
      <c r="Y77" s="80" t="s">
        <v>114</v>
      </c>
      <c r="Z77" s="80" t="s">
        <v>104</v>
      </c>
      <c r="AA77" s="80" t="s">
        <v>119</v>
      </c>
      <c r="AB77" s="81" t="s">
        <v>230</v>
      </c>
    </row>
    <row r="78" spans="1:28">
      <c r="A78" s="78" t="s">
        <v>41</v>
      </c>
      <c r="B78" s="79">
        <v>45688</v>
      </c>
      <c r="C78" s="80" t="s">
        <v>57</v>
      </c>
      <c r="D78" s="80">
        <v>1</v>
      </c>
      <c r="E78" s="80">
        <v>2025</v>
      </c>
      <c r="F78" s="80" t="s">
        <v>61</v>
      </c>
      <c r="G78" s="80" t="s">
        <v>140</v>
      </c>
      <c r="H78" s="80" t="s">
        <v>152</v>
      </c>
      <c r="I78" s="80" t="s">
        <v>102</v>
      </c>
      <c r="J78" s="80" t="s">
        <v>103</v>
      </c>
      <c r="K78" s="80">
        <v>1760</v>
      </c>
      <c r="L78" s="80" t="s">
        <v>104</v>
      </c>
      <c r="M78" s="80" t="s">
        <v>104</v>
      </c>
      <c r="N78" s="80" t="s">
        <v>105</v>
      </c>
      <c r="O78" s="80" t="s">
        <v>145</v>
      </c>
      <c r="P78" s="80" t="s">
        <v>142</v>
      </c>
      <c r="Q78" s="80" t="s">
        <v>108</v>
      </c>
      <c r="R78" s="80" t="s">
        <v>109</v>
      </c>
      <c r="S78" s="80" t="s">
        <v>110</v>
      </c>
      <c r="T78" s="80" t="s">
        <v>104</v>
      </c>
      <c r="U78" s="80" t="s">
        <v>111</v>
      </c>
      <c r="V78" s="80" t="s">
        <v>157</v>
      </c>
      <c r="W78" s="80">
        <v>6</v>
      </c>
      <c r="X78" s="80" t="s">
        <v>113</v>
      </c>
      <c r="Y78" s="80" t="s">
        <v>114</v>
      </c>
      <c r="Z78" s="80" t="s">
        <v>104</v>
      </c>
      <c r="AA78" s="80" t="s">
        <v>119</v>
      </c>
      <c r="AB78" s="81" t="s">
        <v>231</v>
      </c>
    </row>
    <row r="79" spans="1:28">
      <c r="A79" s="78" t="s">
        <v>42</v>
      </c>
      <c r="B79" s="79">
        <v>45688</v>
      </c>
      <c r="C79" s="80" t="s">
        <v>57</v>
      </c>
      <c r="D79" s="80">
        <v>1</v>
      </c>
      <c r="E79" s="80">
        <v>2025</v>
      </c>
      <c r="F79" s="80" t="s">
        <v>61</v>
      </c>
      <c r="G79" s="80" t="s">
        <v>140</v>
      </c>
      <c r="H79" s="80" t="s">
        <v>152</v>
      </c>
      <c r="I79" s="80" t="s">
        <v>102</v>
      </c>
      <c r="J79" s="80" t="s">
        <v>103</v>
      </c>
      <c r="K79" s="80">
        <v>1298</v>
      </c>
      <c r="L79" s="80" t="s">
        <v>104</v>
      </c>
      <c r="M79" s="80" t="s">
        <v>104</v>
      </c>
      <c r="N79" s="80" t="s">
        <v>105</v>
      </c>
      <c r="O79" s="80" t="s">
        <v>148</v>
      </c>
      <c r="P79" s="80" t="s">
        <v>142</v>
      </c>
      <c r="Q79" s="80" t="s">
        <v>108</v>
      </c>
      <c r="R79" s="80" t="s">
        <v>109</v>
      </c>
      <c r="S79" s="80" t="s">
        <v>110</v>
      </c>
      <c r="T79" s="80" t="s">
        <v>104</v>
      </c>
      <c r="U79" s="80" t="s">
        <v>111</v>
      </c>
      <c r="V79" s="80" t="s">
        <v>159</v>
      </c>
      <c r="W79" s="80">
        <v>47</v>
      </c>
      <c r="X79" s="80" t="s">
        <v>113</v>
      </c>
      <c r="Y79" s="80" t="s">
        <v>114</v>
      </c>
      <c r="Z79" s="80" t="s">
        <v>104</v>
      </c>
      <c r="AA79" s="80" t="s">
        <v>119</v>
      </c>
      <c r="AB79" s="81" t="s">
        <v>232</v>
      </c>
    </row>
    <row r="80" spans="1:28">
      <c r="A80" s="78" t="s">
        <v>40</v>
      </c>
      <c r="B80" s="79">
        <v>45716</v>
      </c>
      <c r="C80" s="80" t="s">
        <v>57</v>
      </c>
      <c r="D80" s="80">
        <v>2</v>
      </c>
      <c r="E80" s="80">
        <v>2025</v>
      </c>
      <c r="F80" s="80" t="s">
        <v>61</v>
      </c>
      <c r="G80" s="80" t="s">
        <v>140</v>
      </c>
      <c r="H80" s="80" t="s">
        <v>152</v>
      </c>
      <c r="I80" s="80" t="s">
        <v>102</v>
      </c>
      <c r="J80" s="80" t="s">
        <v>103</v>
      </c>
      <c r="K80" s="80">
        <v>52134</v>
      </c>
      <c r="L80" s="80" t="s">
        <v>104</v>
      </c>
      <c r="M80" s="80" t="s">
        <v>104</v>
      </c>
      <c r="N80" s="80" t="s">
        <v>105</v>
      </c>
      <c r="O80" s="80" t="s">
        <v>106</v>
      </c>
      <c r="P80" s="80" t="s">
        <v>142</v>
      </c>
      <c r="Q80" s="80" t="s">
        <v>108</v>
      </c>
      <c r="R80" s="80" t="s">
        <v>109</v>
      </c>
      <c r="S80" s="80" t="s">
        <v>110</v>
      </c>
      <c r="T80" s="80" t="s">
        <v>104</v>
      </c>
      <c r="U80" s="80" t="s">
        <v>111</v>
      </c>
      <c r="V80" s="80" t="s">
        <v>161</v>
      </c>
      <c r="W80" s="80">
        <v>1</v>
      </c>
      <c r="X80" s="80" t="s">
        <v>113</v>
      </c>
      <c r="Y80" s="80" t="s">
        <v>114</v>
      </c>
      <c r="Z80" s="80" t="s">
        <v>104</v>
      </c>
      <c r="AA80" s="80" t="s">
        <v>119</v>
      </c>
      <c r="AB80" s="81" t="s">
        <v>230</v>
      </c>
    </row>
    <row r="81" spans="1:28">
      <c r="A81" s="78" t="s">
        <v>41</v>
      </c>
      <c r="B81" s="79">
        <v>45716</v>
      </c>
      <c r="C81" s="80" t="s">
        <v>57</v>
      </c>
      <c r="D81" s="80">
        <v>2</v>
      </c>
      <c r="E81" s="80">
        <v>2025</v>
      </c>
      <c r="F81" s="80" t="s">
        <v>61</v>
      </c>
      <c r="G81" s="80" t="s">
        <v>140</v>
      </c>
      <c r="H81" s="80" t="s">
        <v>152</v>
      </c>
      <c r="I81" s="80" t="s">
        <v>102</v>
      </c>
      <c r="J81" s="80" t="s">
        <v>103</v>
      </c>
      <c r="K81" s="80">
        <v>1760</v>
      </c>
      <c r="L81" s="80" t="s">
        <v>104</v>
      </c>
      <c r="M81" s="80" t="s">
        <v>104</v>
      </c>
      <c r="N81" s="80" t="s">
        <v>105</v>
      </c>
      <c r="O81" s="80" t="s">
        <v>145</v>
      </c>
      <c r="P81" s="80" t="s">
        <v>142</v>
      </c>
      <c r="Q81" s="80" t="s">
        <v>108</v>
      </c>
      <c r="R81" s="80" t="s">
        <v>109</v>
      </c>
      <c r="S81" s="80" t="s">
        <v>110</v>
      </c>
      <c r="T81" s="80" t="s">
        <v>104</v>
      </c>
      <c r="U81" s="80" t="s">
        <v>111</v>
      </c>
      <c r="V81" s="80" t="s">
        <v>162</v>
      </c>
      <c r="W81" s="80">
        <v>5</v>
      </c>
      <c r="X81" s="80" t="s">
        <v>113</v>
      </c>
      <c r="Y81" s="80" t="s">
        <v>114</v>
      </c>
      <c r="Z81" s="80" t="s">
        <v>104</v>
      </c>
      <c r="AA81" s="80" t="s">
        <v>119</v>
      </c>
      <c r="AB81" s="81" t="s">
        <v>231</v>
      </c>
    </row>
    <row r="82" spans="1:28">
      <c r="A82" s="78" t="s">
        <v>42</v>
      </c>
      <c r="B82" s="79">
        <v>45716</v>
      </c>
      <c r="C82" s="80" t="s">
        <v>57</v>
      </c>
      <c r="D82" s="80">
        <v>2</v>
      </c>
      <c r="E82" s="80">
        <v>2025</v>
      </c>
      <c r="F82" s="80" t="s">
        <v>61</v>
      </c>
      <c r="G82" s="80" t="s">
        <v>140</v>
      </c>
      <c r="H82" s="80" t="s">
        <v>152</v>
      </c>
      <c r="I82" s="80" t="s">
        <v>102</v>
      </c>
      <c r="J82" s="80" t="s">
        <v>103</v>
      </c>
      <c r="K82" s="80">
        <v>1298</v>
      </c>
      <c r="L82" s="80" t="s">
        <v>104</v>
      </c>
      <c r="M82" s="80" t="s">
        <v>104</v>
      </c>
      <c r="N82" s="80" t="s">
        <v>105</v>
      </c>
      <c r="O82" s="80" t="s">
        <v>148</v>
      </c>
      <c r="P82" s="80" t="s">
        <v>142</v>
      </c>
      <c r="Q82" s="80" t="s">
        <v>108</v>
      </c>
      <c r="R82" s="80" t="s">
        <v>109</v>
      </c>
      <c r="S82" s="80" t="s">
        <v>110</v>
      </c>
      <c r="T82" s="80" t="s">
        <v>104</v>
      </c>
      <c r="U82" s="80" t="s">
        <v>111</v>
      </c>
      <c r="V82" s="80" t="s">
        <v>163</v>
      </c>
      <c r="W82" s="80">
        <v>45</v>
      </c>
      <c r="X82" s="80" t="s">
        <v>113</v>
      </c>
      <c r="Y82" s="80" t="s">
        <v>114</v>
      </c>
      <c r="Z82" s="80" t="s">
        <v>104</v>
      </c>
      <c r="AA82" s="80" t="s">
        <v>119</v>
      </c>
      <c r="AB82" s="81" t="s">
        <v>232</v>
      </c>
    </row>
    <row r="83" spans="1:28">
      <c r="A83" s="78" t="s">
        <v>40</v>
      </c>
      <c r="B83" s="79">
        <v>45747</v>
      </c>
      <c r="C83" s="80" t="s">
        <v>57</v>
      </c>
      <c r="D83" s="80">
        <v>3</v>
      </c>
      <c r="E83" s="80">
        <v>2025</v>
      </c>
      <c r="F83" s="80" t="s">
        <v>61</v>
      </c>
      <c r="G83" s="80" t="s">
        <v>140</v>
      </c>
      <c r="H83" s="80" t="s">
        <v>152</v>
      </c>
      <c r="I83" s="80" t="s">
        <v>102</v>
      </c>
      <c r="J83" s="80" t="s">
        <v>103</v>
      </c>
      <c r="K83" s="80">
        <v>52134</v>
      </c>
      <c r="L83" s="80" t="s">
        <v>104</v>
      </c>
      <c r="M83" s="80" t="s">
        <v>104</v>
      </c>
      <c r="N83" s="80" t="s">
        <v>105</v>
      </c>
      <c r="O83" s="80" t="s">
        <v>106</v>
      </c>
      <c r="P83" s="80" t="s">
        <v>142</v>
      </c>
      <c r="Q83" s="80" t="s">
        <v>108</v>
      </c>
      <c r="R83" s="80" t="s">
        <v>109</v>
      </c>
      <c r="S83" s="80" t="s">
        <v>110</v>
      </c>
      <c r="T83" s="80" t="s">
        <v>104</v>
      </c>
      <c r="U83" s="80" t="s">
        <v>111</v>
      </c>
      <c r="V83" s="80" t="s">
        <v>164</v>
      </c>
      <c r="W83" s="80">
        <v>1</v>
      </c>
      <c r="X83" s="80" t="s">
        <v>113</v>
      </c>
      <c r="Y83" s="80" t="s">
        <v>114</v>
      </c>
      <c r="Z83" s="80" t="s">
        <v>104</v>
      </c>
      <c r="AA83" s="80" t="s">
        <v>119</v>
      </c>
      <c r="AB83" s="81" t="s">
        <v>230</v>
      </c>
    </row>
    <row r="84" spans="1:28">
      <c r="A84" s="78" t="s">
        <v>41</v>
      </c>
      <c r="B84" s="79">
        <v>45747</v>
      </c>
      <c r="C84" s="80" t="s">
        <v>57</v>
      </c>
      <c r="D84" s="80">
        <v>3</v>
      </c>
      <c r="E84" s="80">
        <v>2025</v>
      </c>
      <c r="F84" s="80" t="s">
        <v>61</v>
      </c>
      <c r="G84" s="80" t="s">
        <v>140</v>
      </c>
      <c r="H84" s="80" t="s">
        <v>152</v>
      </c>
      <c r="I84" s="80" t="s">
        <v>102</v>
      </c>
      <c r="J84" s="80" t="s">
        <v>103</v>
      </c>
      <c r="K84" s="80">
        <v>1760</v>
      </c>
      <c r="L84" s="80" t="s">
        <v>104</v>
      </c>
      <c r="M84" s="80" t="s">
        <v>104</v>
      </c>
      <c r="N84" s="80" t="s">
        <v>105</v>
      </c>
      <c r="O84" s="80" t="s">
        <v>145</v>
      </c>
      <c r="P84" s="80" t="s">
        <v>142</v>
      </c>
      <c r="Q84" s="80" t="s">
        <v>108</v>
      </c>
      <c r="R84" s="80" t="s">
        <v>109</v>
      </c>
      <c r="S84" s="80" t="s">
        <v>110</v>
      </c>
      <c r="T84" s="80" t="s">
        <v>104</v>
      </c>
      <c r="U84" s="80" t="s">
        <v>111</v>
      </c>
      <c r="V84" s="80" t="s">
        <v>165</v>
      </c>
      <c r="W84" s="80">
        <v>5</v>
      </c>
      <c r="X84" s="80" t="s">
        <v>113</v>
      </c>
      <c r="Y84" s="80" t="s">
        <v>114</v>
      </c>
      <c r="Z84" s="80" t="s">
        <v>104</v>
      </c>
      <c r="AA84" s="80" t="s">
        <v>119</v>
      </c>
      <c r="AB84" s="81" t="s">
        <v>231</v>
      </c>
    </row>
    <row r="85" spans="1:28">
      <c r="A85" s="78" t="s">
        <v>42</v>
      </c>
      <c r="B85" s="79">
        <v>45747</v>
      </c>
      <c r="C85" s="80" t="s">
        <v>57</v>
      </c>
      <c r="D85" s="80">
        <v>3</v>
      </c>
      <c r="E85" s="80">
        <v>2025</v>
      </c>
      <c r="F85" s="80" t="s">
        <v>61</v>
      </c>
      <c r="G85" s="80" t="s">
        <v>140</v>
      </c>
      <c r="H85" s="80" t="s">
        <v>152</v>
      </c>
      <c r="I85" s="80" t="s">
        <v>102</v>
      </c>
      <c r="J85" s="80" t="s">
        <v>103</v>
      </c>
      <c r="K85" s="80">
        <v>1298</v>
      </c>
      <c r="L85" s="80" t="s">
        <v>104</v>
      </c>
      <c r="M85" s="80" t="s">
        <v>104</v>
      </c>
      <c r="N85" s="80" t="s">
        <v>105</v>
      </c>
      <c r="O85" s="80" t="s">
        <v>148</v>
      </c>
      <c r="P85" s="80" t="s">
        <v>142</v>
      </c>
      <c r="Q85" s="80" t="s">
        <v>108</v>
      </c>
      <c r="R85" s="80" t="s">
        <v>109</v>
      </c>
      <c r="S85" s="80" t="s">
        <v>110</v>
      </c>
      <c r="T85" s="80" t="s">
        <v>104</v>
      </c>
      <c r="U85" s="80" t="s">
        <v>111</v>
      </c>
      <c r="V85" s="80" t="s">
        <v>166</v>
      </c>
      <c r="W85" s="80">
        <v>45</v>
      </c>
      <c r="X85" s="80" t="s">
        <v>113</v>
      </c>
      <c r="Y85" s="80" t="s">
        <v>114</v>
      </c>
      <c r="Z85" s="80" t="s">
        <v>104</v>
      </c>
      <c r="AA85" s="80" t="s">
        <v>119</v>
      </c>
      <c r="AB85" s="81" t="s">
        <v>232</v>
      </c>
    </row>
    <row r="86" spans="1:28">
      <c r="A86" s="78" t="s">
        <v>40</v>
      </c>
      <c r="B86" s="79">
        <v>45777</v>
      </c>
      <c r="C86" s="80" t="s">
        <v>57</v>
      </c>
      <c r="D86" s="80">
        <v>4</v>
      </c>
      <c r="E86" s="80">
        <v>2025</v>
      </c>
      <c r="F86" s="80" t="s">
        <v>61</v>
      </c>
      <c r="G86" s="80" t="s">
        <v>140</v>
      </c>
      <c r="H86" s="80" t="s">
        <v>152</v>
      </c>
      <c r="I86" s="80" t="s">
        <v>102</v>
      </c>
      <c r="J86" s="80" t="s">
        <v>103</v>
      </c>
      <c r="K86" s="80">
        <v>52134</v>
      </c>
      <c r="L86" s="80" t="s">
        <v>104</v>
      </c>
      <c r="M86" s="80" t="s">
        <v>104</v>
      </c>
      <c r="N86" s="80" t="s">
        <v>105</v>
      </c>
      <c r="O86" s="80" t="s">
        <v>106</v>
      </c>
      <c r="P86" s="80" t="s">
        <v>142</v>
      </c>
      <c r="Q86" s="80" t="s">
        <v>108</v>
      </c>
      <c r="R86" s="80" t="s">
        <v>109</v>
      </c>
      <c r="S86" s="80" t="s">
        <v>110</v>
      </c>
      <c r="T86" s="80" t="s">
        <v>104</v>
      </c>
      <c r="U86" s="80" t="s">
        <v>111</v>
      </c>
      <c r="V86" s="80" t="s">
        <v>167</v>
      </c>
      <c r="W86" s="80">
        <v>1</v>
      </c>
      <c r="X86" s="80" t="s">
        <v>113</v>
      </c>
      <c r="Y86" s="80" t="s">
        <v>114</v>
      </c>
      <c r="Z86" s="80" t="s">
        <v>104</v>
      </c>
      <c r="AA86" s="80" t="s">
        <v>119</v>
      </c>
      <c r="AB86" s="81" t="s">
        <v>230</v>
      </c>
    </row>
    <row r="87" spans="1:28">
      <c r="A87" s="78" t="s">
        <v>41</v>
      </c>
      <c r="B87" s="79">
        <v>45777</v>
      </c>
      <c r="C87" s="80" t="s">
        <v>57</v>
      </c>
      <c r="D87" s="80">
        <v>4</v>
      </c>
      <c r="E87" s="80">
        <v>2025</v>
      </c>
      <c r="F87" s="80" t="s">
        <v>61</v>
      </c>
      <c r="G87" s="80" t="s">
        <v>140</v>
      </c>
      <c r="H87" s="80" t="s">
        <v>152</v>
      </c>
      <c r="I87" s="80" t="s">
        <v>102</v>
      </c>
      <c r="J87" s="80" t="s">
        <v>103</v>
      </c>
      <c r="K87" s="80">
        <v>1760</v>
      </c>
      <c r="L87" s="80" t="s">
        <v>104</v>
      </c>
      <c r="M87" s="80" t="s">
        <v>104</v>
      </c>
      <c r="N87" s="80" t="s">
        <v>105</v>
      </c>
      <c r="O87" s="80" t="s">
        <v>145</v>
      </c>
      <c r="P87" s="80" t="s">
        <v>142</v>
      </c>
      <c r="Q87" s="80" t="s">
        <v>108</v>
      </c>
      <c r="R87" s="80" t="s">
        <v>109</v>
      </c>
      <c r="S87" s="80" t="s">
        <v>110</v>
      </c>
      <c r="T87" s="80" t="s">
        <v>104</v>
      </c>
      <c r="U87" s="80" t="s">
        <v>111</v>
      </c>
      <c r="V87" s="80" t="s">
        <v>168</v>
      </c>
      <c r="W87" s="80">
        <v>5</v>
      </c>
      <c r="X87" s="80" t="s">
        <v>113</v>
      </c>
      <c r="Y87" s="80" t="s">
        <v>114</v>
      </c>
      <c r="Z87" s="80" t="s">
        <v>104</v>
      </c>
      <c r="AA87" s="80" t="s">
        <v>119</v>
      </c>
      <c r="AB87" s="81" t="s">
        <v>231</v>
      </c>
    </row>
    <row r="88" spans="1:28">
      <c r="A88" s="78" t="s">
        <v>42</v>
      </c>
      <c r="B88" s="79">
        <v>45777</v>
      </c>
      <c r="C88" s="80" t="s">
        <v>57</v>
      </c>
      <c r="D88" s="80">
        <v>4</v>
      </c>
      <c r="E88" s="80">
        <v>2025</v>
      </c>
      <c r="F88" s="80" t="s">
        <v>61</v>
      </c>
      <c r="G88" s="80" t="s">
        <v>140</v>
      </c>
      <c r="H88" s="80" t="s">
        <v>152</v>
      </c>
      <c r="I88" s="80" t="s">
        <v>102</v>
      </c>
      <c r="J88" s="80" t="s">
        <v>103</v>
      </c>
      <c r="K88" s="80">
        <v>1298</v>
      </c>
      <c r="L88" s="80" t="s">
        <v>104</v>
      </c>
      <c r="M88" s="80" t="s">
        <v>104</v>
      </c>
      <c r="N88" s="80" t="s">
        <v>105</v>
      </c>
      <c r="O88" s="80" t="s">
        <v>148</v>
      </c>
      <c r="P88" s="80" t="s">
        <v>142</v>
      </c>
      <c r="Q88" s="80" t="s">
        <v>108</v>
      </c>
      <c r="R88" s="80" t="s">
        <v>109</v>
      </c>
      <c r="S88" s="80" t="s">
        <v>110</v>
      </c>
      <c r="T88" s="80" t="s">
        <v>104</v>
      </c>
      <c r="U88" s="80" t="s">
        <v>111</v>
      </c>
      <c r="V88" s="80" t="s">
        <v>169</v>
      </c>
      <c r="W88" s="80">
        <v>45</v>
      </c>
      <c r="X88" s="80" t="s">
        <v>113</v>
      </c>
      <c r="Y88" s="80" t="s">
        <v>114</v>
      </c>
      <c r="Z88" s="80" t="s">
        <v>104</v>
      </c>
      <c r="AA88" s="80" t="s">
        <v>119</v>
      </c>
      <c r="AB88" s="81" t="s">
        <v>232</v>
      </c>
    </row>
    <row r="89" spans="1:28">
      <c r="A89" s="78" t="s">
        <v>40</v>
      </c>
      <c r="B89" s="79">
        <v>45808</v>
      </c>
      <c r="C89" s="80" t="s">
        <v>57</v>
      </c>
      <c r="D89" s="80">
        <v>5</v>
      </c>
      <c r="E89" s="80">
        <v>2025</v>
      </c>
      <c r="F89" s="80" t="s">
        <v>61</v>
      </c>
      <c r="G89" s="80" t="s">
        <v>140</v>
      </c>
      <c r="H89" s="80" t="s">
        <v>152</v>
      </c>
      <c r="I89" s="80" t="s">
        <v>102</v>
      </c>
      <c r="J89" s="80" t="s">
        <v>103</v>
      </c>
      <c r="K89" s="80">
        <v>52134</v>
      </c>
      <c r="L89" s="80" t="s">
        <v>104</v>
      </c>
      <c r="M89" s="80" t="s">
        <v>104</v>
      </c>
      <c r="N89" s="80" t="s">
        <v>105</v>
      </c>
      <c r="O89" s="80" t="s">
        <v>106</v>
      </c>
      <c r="P89" s="80" t="s">
        <v>142</v>
      </c>
      <c r="Q89" s="80" t="s">
        <v>108</v>
      </c>
      <c r="R89" s="80" t="s">
        <v>109</v>
      </c>
      <c r="S89" s="80" t="s">
        <v>110</v>
      </c>
      <c r="T89" s="80" t="s">
        <v>104</v>
      </c>
      <c r="U89" s="80" t="s">
        <v>111</v>
      </c>
      <c r="V89" s="80" t="s">
        <v>170</v>
      </c>
      <c r="W89" s="80">
        <v>1</v>
      </c>
      <c r="X89" s="80" t="s">
        <v>113</v>
      </c>
      <c r="Y89" s="80" t="s">
        <v>114</v>
      </c>
      <c r="Z89" s="80" t="s">
        <v>104</v>
      </c>
      <c r="AA89" s="80" t="s">
        <v>119</v>
      </c>
      <c r="AB89" s="81" t="s">
        <v>230</v>
      </c>
    </row>
    <row r="90" spans="1:28">
      <c r="A90" s="78" t="s">
        <v>41</v>
      </c>
      <c r="B90" s="79">
        <v>45808</v>
      </c>
      <c r="C90" s="80" t="s">
        <v>57</v>
      </c>
      <c r="D90" s="80">
        <v>5</v>
      </c>
      <c r="E90" s="80">
        <v>2025</v>
      </c>
      <c r="F90" s="80" t="s">
        <v>61</v>
      </c>
      <c r="G90" s="80" t="s">
        <v>140</v>
      </c>
      <c r="H90" s="80" t="s">
        <v>152</v>
      </c>
      <c r="I90" s="80" t="s">
        <v>102</v>
      </c>
      <c r="J90" s="80" t="s">
        <v>103</v>
      </c>
      <c r="K90" s="80">
        <v>1760</v>
      </c>
      <c r="L90" s="80" t="s">
        <v>104</v>
      </c>
      <c r="M90" s="80" t="s">
        <v>104</v>
      </c>
      <c r="N90" s="80" t="s">
        <v>105</v>
      </c>
      <c r="O90" s="80" t="s">
        <v>145</v>
      </c>
      <c r="P90" s="80" t="s">
        <v>142</v>
      </c>
      <c r="Q90" s="80" t="s">
        <v>108</v>
      </c>
      <c r="R90" s="80" t="s">
        <v>109</v>
      </c>
      <c r="S90" s="80" t="s">
        <v>110</v>
      </c>
      <c r="T90" s="80" t="s">
        <v>104</v>
      </c>
      <c r="U90" s="80" t="s">
        <v>111</v>
      </c>
      <c r="V90" s="80" t="s">
        <v>171</v>
      </c>
      <c r="W90" s="80">
        <v>5</v>
      </c>
      <c r="X90" s="80" t="s">
        <v>113</v>
      </c>
      <c r="Y90" s="80" t="s">
        <v>114</v>
      </c>
      <c r="Z90" s="80" t="s">
        <v>104</v>
      </c>
      <c r="AA90" s="80" t="s">
        <v>119</v>
      </c>
      <c r="AB90" s="81" t="s">
        <v>231</v>
      </c>
    </row>
    <row r="91" spans="1:28">
      <c r="A91" s="78" t="s">
        <v>42</v>
      </c>
      <c r="B91" s="79">
        <v>45808</v>
      </c>
      <c r="C91" s="80" t="s">
        <v>57</v>
      </c>
      <c r="D91" s="80">
        <v>5</v>
      </c>
      <c r="E91" s="80">
        <v>2025</v>
      </c>
      <c r="F91" s="80" t="s">
        <v>61</v>
      </c>
      <c r="G91" s="80" t="s">
        <v>140</v>
      </c>
      <c r="H91" s="80" t="s">
        <v>152</v>
      </c>
      <c r="I91" s="80" t="s">
        <v>102</v>
      </c>
      <c r="J91" s="80" t="s">
        <v>103</v>
      </c>
      <c r="K91" s="80">
        <v>1298</v>
      </c>
      <c r="L91" s="80" t="s">
        <v>104</v>
      </c>
      <c r="M91" s="80" t="s">
        <v>104</v>
      </c>
      <c r="N91" s="80" t="s">
        <v>105</v>
      </c>
      <c r="O91" s="80" t="s">
        <v>148</v>
      </c>
      <c r="P91" s="80" t="s">
        <v>142</v>
      </c>
      <c r="Q91" s="80" t="s">
        <v>108</v>
      </c>
      <c r="R91" s="80" t="s">
        <v>109</v>
      </c>
      <c r="S91" s="80" t="s">
        <v>110</v>
      </c>
      <c r="T91" s="80" t="s">
        <v>104</v>
      </c>
      <c r="U91" s="80" t="s">
        <v>111</v>
      </c>
      <c r="V91" s="80" t="s">
        <v>172</v>
      </c>
      <c r="W91" s="80">
        <v>45</v>
      </c>
      <c r="X91" s="80" t="s">
        <v>113</v>
      </c>
      <c r="Y91" s="80" t="s">
        <v>114</v>
      </c>
      <c r="Z91" s="80" t="s">
        <v>104</v>
      </c>
      <c r="AA91" s="80" t="s">
        <v>119</v>
      </c>
      <c r="AB91" s="81" t="s">
        <v>232</v>
      </c>
    </row>
    <row r="92" spans="1:28">
      <c r="A92" s="78" t="s">
        <v>40</v>
      </c>
      <c r="B92" s="79">
        <v>45838</v>
      </c>
      <c r="C92" s="80" t="s">
        <v>57</v>
      </c>
      <c r="D92" s="80">
        <v>6</v>
      </c>
      <c r="E92" s="80">
        <v>2025</v>
      </c>
      <c r="F92" s="80" t="s">
        <v>61</v>
      </c>
      <c r="G92" s="80" t="s">
        <v>140</v>
      </c>
      <c r="H92" s="80" t="s">
        <v>152</v>
      </c>
      <c r="I92" s="80" t="s">
        <v>102</v>
      </c>
      <c r="J92" s="80" t="s">
        <v>103</v>
      </c>
      <c r="K92" s="80">
        <v>52134</v>
      </c>
      <c r="L92" s="80" t="s">
        <v>104</v>
      </c>
      <c r="M92" s="80" t="s">
        <v>104</v>
      </c>
      <c r="N92" s="80" t="s">
        <v>105</v>
      </c>
      <c r="O92" s="80" t="s">
        <v>106</v>
      </c>
      <c r="P92" s="80" t="s">
        <v>142</v>
      </c>
      <c r="Q92" s="80" t="s">
        <v>108</v>
      </c>
      <c r="R92" s="80" t="s">
        <v>109</v>
      </c>
      <c r="S92" s="80" t="s">
        <v>110</v>
      </c>
      <c r="T92" s="80" t="s">
        <v>104</v>
      </c>
      <c r="U92" s="80" t="s">
        <v>111</v>
      </c>
      <c r="V92" s="80" t="s">
        <v>173</v>
      </c>
      <c r="W92" s="80">
        <v>1</v>
      </c>
      <c r="X92" s="80" t="s">
        <v>113</v>
      </c>
      <c r="Y92" s="80" t="s">
        <v>174</v>
      </c>
      <c r="Z92" s="80" t="s">
        <v>104</v>
      </c>
      <c r="AA92" s="80" t="s">
        <v>119</v>
      </c>
      <c r="AB92" s="81" t="s">
        <v>230</v>
      </c>
    </row>
    <row r="93" spans="1:28">
      <c r="A93" s="78" t="s">
        <v>41</v>
      </c>
      <c r="B93" s="79">
        <v>45838</v>
      </c>
      <c r="C93" s="80" t="s">
        <v>57</v>
      </c>
      <c r="D93" s="80">
        <v>6</v>
      </c>
      <c r="E93" s="80">
        <v>2025</v>
      </c>
      <c r="F93" s="80" t="s">
        <v>61</v>
      </c>
      <c r="G93" s="80" t="s">
        <v>140</v>
      </c>
      <c r="H93" s="80" t="s">
        <v>152</v>
      </c>
      <c r="I93" s="80" t="s">
        <v>102</v>
      </c>
      <c r="J93" s="80" t="s">
        <v>103</v>
      </c>
      <c r="K93" s="80">
        <v>1760</v>
      </c>
      <c r="L93" s="80" t="s">
        <v>104</v>
      </c>
      <c r="M93" s="80" t="s">
        <v>104</v>
      </c>
      <c r="N93" s="80" t="s">
        <v>105</v>
      </c>
      <c r="O93" s="80" t="s">
        <v>145</v>
      </c>
      <c r="P93" s="80" t="s">
        <v>142</v>
      </c>
      <c r="Q93" s="80" t="s">
        <v>108</v>
      </c>
      <c r="R93" s="80" t="s">
        <v>109</v>
      </c>
      <c r="S93" s="80" t="s">
        <v>110</v>
      </c>
      <c r="T93" s="80" t="s">
        <v>104</v>
      </c>
      <c r="U93" s="80" t="s">
        <v>111</v>
      </c>
      <c r="V93" s="80" t="s">
        <v>175</v>
      </c>
      <c r="W93" s="80">
        <v>5</v>
      </c>
      <c r="X93" s="80" t="s">
        <v>113</v>
      </c>
      <c r="Y93" s="80" t="s">
        <v>174</v>
      </c>
      <c r="Z93" s="80" t="s">
        <v>104</v>
      </c>
      <c r="AA93" s="80" t="s">
        <v>119</v>
      </c>
      <c r="AB93" s="81" t="s">
        <v>231</v>
      </c>
    </row>
    <row r="94" spans="1:28">
      <c r="A94" s="78" t="s">
        <v>42</v>
      </c>
      <c r="B94" s="79">
        <v>45838</v>
      </c>
      <c r="C94" s="80" t="s">
        <v>57</v>
      </c>
      <c r="D94" s="80">
        <v>6</v>
      </c>
      <c r="E94" s="80">
        <v>2025</v>
      </c>
      <c r="F94" s="80" t="s">
        <v>61</v>
      </c>
      <c r="G94" s="80" t="s">
        <v>140</v>
      </c>
      <c r="H94" s="80" t="s">
        <v>152</v>
      </c>
      <c r="I94" s="80" t="s">
        <v>102</v>
      </c>
      <c r="J94" s="80" t="s">
        <v>103</v>
      </c>
      <c r="K94" s="80">
        <v>1298</v>
      </c>
      <c r="L94" s="80" t="s">
        <v>104</v>
      </c>
      <c r="M94" s="80" t="s">
        <v>104</v>
      </c>
      <c r="N94" s="80" t="s">
        <v>105</v>
      </c>
      <c r="O94" s="80" t="s">
        <v>148</v>
      </c>
      <c r="P94" s="80" t="s">
        <v>142</v>
      </c>
      <c r="Q94" s="80" t="s">
        <v>108</v>
      </c>
      <c r="R94" s="80" t="s">
        <v>109</v>
      </c>
      <c r="S94" s="80" t="s">
        <v>110</v>
      </c>
      <c r="T94" s="80" t="s">
        <v>104</v>
      </c>
      <c r="U94" s="80" t="s">
        <v>111</v>
      </c>
      <c r="V94" s="80" t="s">
        <v>176</v>
      </c>
      <c r="W94" s="80">
        <v>45</v>
      </c>
      <c r="X94" s="80" t="s">
        <v>113</v>
      </c>
      <c r="Y94" s="80" t="s">
        <v>174</v>
      </c>
      <c r="Z94" s="80" t="s">
        <v>104</v>
      </c>
      <c r="AA94" s="80" t="s">
        <v>119</v>
      </c>
      <c r="AB94" s="81" t="s">
        <v>232</v>
      </c>
    </row>
    <row r="95" spans="1:28">
      <c r="A95" s="78" t="s">
        <v>40</v>
      </c>
      <c r="B95" s="79">
        <v>45688</v>
      </c>
      <c r="C95" s="80" t="s">
        <v>45</v>
      </c>
      <c r="D95" s="80">
        <v>1</v>
      </c>
      <c r="E95" s="80">
        <v>2025</v>
      </c>
      <c r="F95" s="80" t="s">
        <v>63</v>
      </c>
      <c r="G95" s="80" t="s">
        <v>100</v>
      </c>
      <c r="H95" s="80" t="s">
        <v>117</v>
      </c>
      <c r="I95" s="80" t="s">
        <v>102</v>
      </c>
      <c r="J95" s="80" t="s">
        <v>103</v>
      </c>
      <c r="K95" s="80">
        <v>1250</v>
      </c>
      <c r="L95" s="80" t="s">
        <v>104</v>
      </c>
      <c r="M95" s="80" t="s">
        <v>104</v>
      </c>
      <c r="N95" s="80" t="s">
        <v>105</v>
      </c>
      <c r="O95" s="80" t="s">
        <v>106</v>
      </c>
      <c r="P95" s="80" t="s">
        <v>107</v>
      </c>
      <c r="Q95" s="80" t="s">
        <v>108</v>
      </c>
      <c r="R95" s="80" t="s">
        <v>109</v>
      </c>
      <c r="S95" s="80" t="s">
        <v>110</v>
      </c>
      <c r="T95" s="80" t="s">
        <v>104</v>
      </c>
      <c r="U95" s="80" t="s">
        <v>111</v>
      </c>
      <c r="V95" s="80" t="s">
        <v>233</v>
      </c>
      <c r="W95" s="80">
        <v>1</v>
      </c>
      <c r="X95" s="80" t="s">
        <v>113</v>
      </c>
      <c r="Y95" s="80" t="s">
        <v>114</v>
      </c>
      <c r="Z95" s="80" t="s">
        <v>104</v>
      </c>
      <c r="AA95" s="80" t="s">
        <v>119</v>
      </c>
      <c r="AB95" s="81" t="s">
        <v>234</v>
      </c>
    </row>
    <row r="96" spans="1:28">
      <c r="A96" s="78" t="s">
        <v>40</v>
      </c>
      <c r="B96" s="79">
        <v>45716</v>
      </c>
      <c r="C96" s="80" t="s">
        <v>45</v>
      </c>
      <c r="D96" s="80">
        <v>2</v>
      </c>
      <c r="E96" s="80">
        <v>2025</v>
      </c>
      <c r="F96" s="80" t="s">
        <v>63</v>
      </c>
      <c r="G96" s="80" t="s">
        <v>100</v>
      </c>
      <c r="H96" s="80" t="s">
        <v>117</v>
      </c>
      <c r="I96" s="80" t="s">
        <v>102</v>
      </c>
      <c r="J96" s="80" t="s">
        <v>103</v>
      </c>
      <c r="K96" s="80">
        <v>1250</v>
      </c>
      <c r="L96" s="80" t="s">
        <v>104</v>
      </c>
      <c r="M96" s="80" t="s">
        <v>104</v>
      </c>
      <c r="N96" s="80" t="s">
        <v>105</v>
      </c>
      <c r="O96" s="80" t="s">
        <v>106</v>
      </c>
      <c r="P96" s="80" t="s">
        <v>107</v>
      </c>
      <c r="Q96" s="80" t="s">
        <v>108</v>
      </c>
      <c r="R96" s="80" t="s">
        <v>109</v>
      </c>
      <c r="S96" s="80" t="s">
        <v>110</v>
      </c>
      <c r="T96" s="80" t="s">
        <v>104</v>
      </c>
      <c r="U96" s="80" t="s">
        <v>111</v>
      </c>
      <c r="V96" s="80" t="s">
        <v>235</v>
      </c>
      <c r="W96" s="80">
        <v>1</v>
      </c>
      <c r="X96" s="80" t="s">
        <v>113</v>
      </c>
      <c r="Y96" s="80" t="s">
        <v>114</v>
      </c>
      <c r="Z96" s="80" t="s">
        <v>104</v>
      </c>
      <c r="AA96" s="80" t="s">
        <v>119</v>
      </c>
      <c r="AB96" s="81" t="s">
        <v>234</v>
      </c>
    </row>
    <row r="97" spans="1:28">
      <c r="A97" s="78" t="s">
        <v>40</v>
      </c>
      <c r="B97" s="79">
        <v>45747</v>
      </c>
      <c r="C97" s="80" t="s">
        <v>45</v>
      </c>
      <c r="D97" s="80">
        <v>3</v>
      </c>
      <c r="E97" s="80">
        <v>2025</v>
      </c>
      <c r="F97" s="80" t="s">
        <v>63</v>
      </c>
      <c r="G97" s="80" t="s">
        <v>100</v>
      </c>
      <c r="H97" s="80" t="s">
        <v>117</v>
      </c>
      <c r="I97" s="80" t="s">
        <v>102</v>
      </c>
      <c r="J97" s="80" t="s">
        <v>103</v>
      </c>
      <c r="K97" s="80">
        <v>1250</v>
      </c>
      <c r="L97" s="80" t="s">
        <v>104</v>
      </c>
      <c r="M97" s="80" t="s">
        <v>104</v>
      </c>
      <c r="N97" s="80" t="s">
        <v>105</v>
      </c>
      <c r="O97" s="80" t="s">
        <v>106</v>
      </c>
      <c r="P97" s="80" t="s">
        <v>107</v>
      </c>
      <c r="Q97" s="80" t="s">
        <v>108</v>
      </c>
      <c r="R97" s="80" t="s">
        <v>109</v>
      </c>
      <c r="S97" s="80" t="s">
        <v>110</v>
      </c>
      <c r="T97" s="80" t="s">
        <v>104</v>
      </c>
      <c r="U97" s="80" t="s">
        <v>111</v>
      </c>
      <c r="V97" s="80" t="s">
        <v>236</v>
      </c>
      <c r="W97" s="80">
        <v>1</v>
      </c>
      <c r="X97" s="80" t="s">
        <v>113</v>
      </c>
      <c r="Y97" s="80" t="s">
        <v>114</v>
      </c>
      <c r="Z97" s="80" t="s">
        <v>104</v>
      </c>
      <c r="AA97" s="80" t="s">
        <v>119</v>
      </c>
      <c r="AB97" s="81" t="s">
        <v>234</v>
      </c>
    </row>
    <row r="98" spans="1:28">
      <c r="A98" s="78" t="s">
        <v>40</v>
      </c>
      <c r="B98" s="79">
        <v>45777</v>
      </c>
      <c r="C98" s="80" t="s">
        <v>45</v>
      </c>
      <c r="D98" s="80">
        <v>4</v>
      </c>
      <c r="E98" s="80">
        <v>2025</v>
      </c>
      <c r="F98" s="80" t="s">
        <v>63</v>
      </c>
      <c r="G98" s="80" t="s">
        <v>100</v>
      </c>
      <c r="H98" s="80" t="s">
        <v>117</v>
      </c>
      <c r="I98" s="80" t="s">
        <v>102</v>
      </c>
      <c r="J98" s="80" t="s">
        <v>103</v>
      </c>
      <c r="K98" s="80">
        <v>1250</v>
      </c>
      <c r="L98" s="80" t="s">
        <v>104</v>
      </c>
      <c r="M98" s="80" t="s">
        <v>104</v>
      </c>
      <c r="N98" s="80" t="s">
        <v>105</v>
      </c>
      <c r="O98" s="80" t="s">
        <v>106</v>
      </c>
      <c r="P98" s="80" t="s">
        <v>107</v>
      </c>
      <c r="Q98" s="80" t="s">
        <v>108</v>
      </c>
      <c r="R98" s="80" t="s">
        <v>109</v>
      </c>
      <c r="S98" s="80" t="s">
        <v>110</v>
      </c>
      <c r="T98" s="80" t="s">
        <v>104</v>
      </c>
      <c r="U98" s="80" t="s">
        <v>111</v>
      </c>
      <c r="V98" s="80" t="s">
        <v>237</v>
      </c>
      <c r="W98" s="80">
        <v>1</v>
      </c>
      <c r="X98" s="80" t="s">
        <v>113</v>
      </c>
      <c r="Y98" s="80" t="s">
        <v>114</v>
      </c>
      <c r="Z98" s="80" t="s">
        <v>104</v>
      </c>
      <c r="AA98" s="80" t="s">
        <v>119</v>
      </c>
      <c r="AB98" s="81" t="s">
        <v>234</v>
      </c>
    </row>
    <row r="99" spans="1:28">
      <c r="A99" s="78" t="s">
        <v>40</v>
      </c>
      <c r="B99" s="79">
        <v>45808</v>
      </c>
      <c r="C99" s="80" t="s">
        <v>45</v>
      </c>
      <c r="D99" s="80">
        <v>5</v>
      </c>
      <c r="E99" s="80">
        <v>2025</v>
      </c>
      <c r="F99" s="80" t="s">
        <v>63</v>
      </c>
      <c r="G99" s="80" t="s">
        <v>100</v>
      </c>
      <c r="H99" s="80" t="s">
        <v>117</v>
      </c>
      <c r="I99" s="80" t="s">
        <v>102</v>
      </c>
      <c r="J99" s="80" t="s">
        <v>103</v>
      </c>
      <c r="K99" s="80">
        <v>1250</v>
      </c>
      <c r="L99" s="80" t="s">
        <v>104</v>
      </c>
      <c r="M99" s="80" t="s">
        <v>104</v>
      </c>
      <c r="N99" s="80" t="s">
        <v>105</v>
      </c>
      <c r="O99" s="80" t="s">
        <v>106</v>
      </c>
      <c r="P99" s="80" t="s">
        <v>107</v>
      </c>
      <c r="Q99" s="80" t="s">
        <v>108</v>
      </c>
      <c r="R99" s="80" t="s">
        <v>109</v>
      </c>
      <c r="S99" s="80" t="s">
        <v>110</v>
      </c>
      <c r="T99" s="80" t="s">
        <v>104</v>
      </c>
      <c r="U99" s="80" t="s">
        <v>111</v>
      </c>
      <c r="V99" s="80" t="s">
        <v>238</v>
      </c>
      <c r="W99" s="80">
        <v>1</v>
      </c>
      <c r="X99" s="80" t="s">
        <v>113</v>
      </c>
      <c r="Y99" s="80" t="s">
        <v>114</v>
      </c>
      <c r="Z99" s="80" t="s">
        <v>104</v>
      </c>
      <c r="AA99" s="80" t="s">
        <v>119</v>
      </c>
      <c r="AB99" s="81" t="s">
        <v>234</v>
      </c>
    </row>
    <row r="100" spans="1:28">
      <c r="A100" s="78" t="s">
        <v>40</v>
      </c>
      <c r="B100" s="79">
        <v>45838</v>
      </c>
      <c r="C100" s="80" t="s">
        <v>45</v>
      </c>
      <c r="D100" s="80">
        <v>6</v>
      </c>
      <c r="E100" s="80">
        <v>2025</v>
      </c>
      <c r="F100" s="80" t="s">
        <v>63</v>
      </c>
      <c r="G100" s="80" t="s">
        <v>100</v>
      </c>
      <c r="H100" s="80" t="s">
        <v>117</v>
      </c>
      <c r="I100" s="80" t="s">
        <v>102</v>
      </c>
      <c r="J100" s="80" t="s">
        <v>103</v>
      </c>
      <c r="K100" s="80">
        <v>1250</v>
      </c>
      <c r="L100" s="80" t="s">
        <v>104</v>
      </c>
      <c r="M100" s="80" t="s">
        <v>104</v>
      </c>
      <c r="N100" s="80" t="s">
        <v>105</v>
      </c>
      <c r="O100" s="80" t="s">
        <v>106</v>
      </c>
      <c r="P100" s="80" t="s">
        <v>107</v>
      </c>
      <c r="Q100" s="80" t="s">
        <v>108</v>
      </c>
      <c r="R100" s="80" t="s">
        <v>109</v>
      </c>
      <c r="S100" s="80" t="s">
        <v>110</v>
      </c>
      <c r="T100" s="80" t="s">
        <v>104</v>
      </c>
      <c r="U100" s="80" t="s">
        <v>111</v>
      </c>
      <c r="V100" s="80" t="s">
        <v>239</v>
      </c>
      <c r="W100" s="80">
        <v>1</v>
      </c>
      <c r="X100" s="80" t="s">
        <v>113</v>
      </c>
      <c r="Y100" s="80" t="s">
        <v>174</v>
      </c>
      <c r="Z100" s="80" t="s">
        <v>104</v>
      </c>
      <c r="AA100" s="80" t="s">
        <v>119</v>
      </c>
      <c r="AB100" s="81" t="s">
        <v>234</v>
      </c>
    </row>
    <row r="101" spans="1:28" s="11" customFormat="1" hidden="1">
      <c r="A101" s="66" t="s">
        <v>41</v>
      </c>
      <c r="B101" s="63">
        <v>45322</v>
      </c>
      <c r="C101" s="67" t="s">
        <v>240</v>
      </c>
      <c r="D101" s="67">
        <v>1</v>
      </c>
      <c r="E101" s="67">
        <v>2024</v>
      </c>
      <c r="F101" s="67" t="s">
        <v>47</v>
      </c>
      <c r="G101" s="67" t="s">
        <v>151</v>
      </c>
      <c r="H101" s="67" t="s">
        <v>241</v>
      </c>
      <c r="I101" s="67" t="s">
        <v>204</v>
      </c>
      <c r="J101" s="67" t="s">
        <v>242</v>
      </c>
      <c r="K101" s="67">
        <v>-231082</v>
      </c>
      <c r="L101" s="67" t="s">
        <v>104</v>
      </c>
      <c r="M101" s="67" t="s">
        <v>104</v>
      </c>
      <c r="N101" s="67" t="s">
        <v>105</v>
      </c>
      <c r="O101" s="67" t="s">
        <v>243</v>
      </c>
      <c r="P101" s="67" t="s">
        <v>244</v>
      </c>
      <c r="Q101" s="67" t="s">
        <v>108</v>
      </c>
      <c r="R101" s="67" t="s">
        <v>109</v>
      </c>
      <c r="S101" s="67" t="s">
        <v>110</v>
      </c>
      <c r="T101" s="67" t="s">
        <v>104</v>
      </c>
      <c r="U101" s="67" t="s">
        <v>111</v>
      </c>
      <c r="V101" s="67" t="s">
        <v>245</v>
      </c>
      <c r="W101" s="67">
        <v>112</v>
      </c>
      <c r="X101" s="67" t="s">
        <v>246</v>
      </c>
      <c r="Y101" s="67" t="s">
        <v>209</v>
      </c>
      <c r="Z101" s="67" t="s">
        <v>104</v>
      </c>
      <c r="AA101" s="67" t="s">
        <v>104</v>
      </c>
      <c r="AB101" s="68" t="s">
        <v>241</v>
      </c>
    </row>
    <row r="102" spans="1:28" s="11" customFormat="1" hidden="1">
      <c r="A102" s="62" t="s">
        <v>41</v>
      </c>
      <c r="B102" s="63">
        <v>45322</v>
      </c>
      <c r="C102" s="64" t="s">
        <v>247</v>
      </c>
      <c r="D102" s="64">
        <v>1</v>
      </c>
      <c r="E102" s="64">
        <v>2024</v>
      </c>
      <c r="F102" s="64" t="s">
        <v>47</v>
      </c>
      <c r="G102" s="64" t="s">
        <v>151</v>
      </c>
      <c r="H102" s="64" t="s">
        <v>203</v>
      </c>
      <c r="I102" s="64" t="s">
        <v>204</v>
      </c>
      <c r="J102" s="64" t="s">
        <v>205</v>
      </c>
      <c r="K102" s="64">
        <v>260033.5</v>
      </c>
      <c r="L102" s="64" t="s">
        <v>104</v>
      </c>
      <c r="M102" s="64" t="s">
        <v>104</v>
      </c>
      <c r="N102" s="64" t="s">
        <v>105</v>
      </c>
      <c r="O102" s="64" t="s">
        <v>243</v>
      </c>
      <c r="P102" s="64" t="s">
        <v>244</v>
      </c>
      <c r="Q102" s="64" t="s">
        <v>108</v>
      </c>
      <c r="R102" s="64" t="s">
        <v>109</v>
      </c>
      <c r="S102" s="64" t="s">
        <v>110</v>
      </c>
      <c r="T102" s="64" t="s">
        <v>104</v>
      </c>
      <c r="U102" s="64" t="s">
        <v>111</v>
      </c>
      <c r="V102" s="64" t="s">
        <v>248</v>
      </c>
      <c r="W102" s="64">
        <v>17</v>
      </c>
      <c r="X102" s="64" t="s">
        <v>208</v>
      </c>
      <c r="Y102" s="64" t="s">
        <v>209</v>
      </c>
      <c r="Z102" s="64" t="s">
        <v>104</v>
      </c>
      <c r="AA102" s="64" t="s">
        <v>104</v>
      </c>
      <c r="AB102" s="65" t="s">
        <v>203</v>
      </c>
    </row>
    <row r="103" spans="1:28" s="11" customFormat="1" hidden="1">
      <c r="A103" s="66" t="s">
        <v>41</v>
      </c>
      <c r="B103" s="63">
        <v>45322</v>
      </c>
      <c r="C103" s="67" t="s">
        <v>249</v>
      </c>
      <c r="D103" s="67">
        <v>1</v>
      </c>
      <c r="E103" s="67">
        <v>2024</v>
      </c>
      <c r="F103" s="67" t="s">
        <v>47</v>
      </c>
      <c r="G103" s="67" t="s">
        <v>151</v>
      </c>
      <c r="H103" s="67" t="s">
        <v>152</v>
      </c>
      <c r="I103" s="67" t="s">
        <v>204</v>
      </c>
      <c r="J103" s="67" t="s">
        <v>103</v>
      </c>
      <c r="K103" s="67">
        <v>231082</v>
      </c>
      <c r="L103" s="67" t="s">
        <v>104</v>
      </c>
      <c r="M103" s="67" t="s">
        <v>104</v>
      </c>
      <c r="N103" s="67" t="s">
        <v>105</v>
      </c>
      <c r="O103" s="67" t="s">
        <v>243</v>
      </c>
      <c r="P103" s="67" t="s">
        <v>244</v>
      </c>
      <c r="Q103" s="67" t="s">
        <v>108</v>
      </c>
      <c r="R103" s="67" t="s">
        <v>109</v>
      </c>
      <c r="S103" s="67" t="s">
        <v>110</v>
      </c>
      <c r="T103" s="67" t="s">
        <v>104</v>
      </c>
      <c r="U103" s="67" t="s">
        <v>111</v>
      </c>
      <c r="V103" s="67" t="s">
        <v>250</v>
      </c>
      <c r="W103" s="67">
        <v>19</v>
      </c>
      <c r="X103" s="67" t="s">
        <v>113</v>
      </c>
      <c r="Y103" s="67" t="s">
        <v>114</v>
      </c>
      <c r="Z103" s="67" t="s">
        <v>104</v>
      </c>
      <c r="AA103" s="67" t="s">
        <v>119</v>
      </c>
      <c r="AB103" s="68" t="s">
        <v>251</v>
      </c>
    </row>
    <row r="104" spans="1:28" s="11" customFormat="1" hidden="1">
      <c r="A104" s="62" t="s">
        <v>41</v>
      </c>
      <c r="B104" s="63">
        <v>45350</v>
      </c>
      <c r="C104" s="64" t="s">
        <v>249</v>
      </c>
      <c r="D104" s="64">
        <v>2</v>
      </c>
      <c r="E104" s="64">
        <v>2024</v>
      </c>
      <c r="F104" s="64" t="s">
        <v>47</v>
      </c>
      <c r="G104" s="64" t="s">
        <v>151</v>
      </c>
      <c r="H104" s="64" t="s">
        <v>152</v>
      </c>
      <c r="I104" s="64" t="s">
        <v>204</v>
      </c>
      <c r="J104" s="64" t="s">
        <v>103</v>
      </c>
      <c r="K104" s="64">
        <v>231082</v>
      </c>
      <c r="L104" s="64" t="s">
        <v>104</v>
      </c>
      <c r="M104" s="64" t="s">
        <v>104</v>
      </c>
      <c r="N104" s="64" t="s">
        <v>105</v>
      </c>
      <c r="O104" s="64" t="s">
        <v>243</v>
      </c>
      <c r="P104" s="64" t="s">
        <v>244</v>
      </c>
      <c r="Q104" s="64" t="s">
        <v>108</v>
      </c>
      <c r="R104" s="64" t="s">
        <v>109</v>
      </c>
      <c r="S104" s="64" t="s">
        <v>110</v>
      </c>
      <c r="T104" s="64" t="s">
        <v>104</v>
      </c>
      <c r="U104" s="64" t="s">
        <v>111</v>
      </c>
      <c r="V104" s="64" t="s">
        <v>252</v>
      </c>
      <c r="W104" s="64">
        <v>19</v>
      </c>
      <c r="X104" s="64" t="s">
        <v>113</v>
      </c>
      <c r="Y104" s="64" t="s">
        <v>114</v>
      </c>
      <c r="Z104" s="64" t="s">
        <v>104</v>
      </c>
      <c r="AA104" s="64" t="s">
        <v>119</v>
      </c>
      <c r="AB104" s="65" t="s">
        <v>251</v>
      </c>
    </row>
    <row r="105" spans="1:28" s="11" customFormat="1" hidden="1">
      <c r="A105" s="66" t="s">
        <v>41</v>
      </c>
      <c r="B105" s="63">
        <v>45351</v>
      </c>
      <c r="C105" s="67" t="s">
        <v>253</v>
      </c>
      <c r="D105" s="67">
        <v>2</v>
      </c>
      <c r="E105" s="67">
        <v>2024</v>
      </c>
      <c r="F105" s="67" t="s">
        <v>47</v>
      </c>
      <c r="G105" s="67" t="s">
        <v>151</v>
      </c>
      <c r="H105" s="67" t="s">
        <v>203</v>
      </c>
      <c r="I105" s="67" t="s">
        <v>204</v>
      </c>
      <c r="J105" s="67" t="s">
        <v>205</v>
      </c>
      <c r="K105" s="67">
        <v>260033.5</v>
      </c>
      <c r="L105" s="67" t="s">
        <v>104</v>
      </c>
      <c r="M105" s="67" t="s">
        <v>104</v>
      </c>
      <c r="N105" s="67" t="s">
        <v>105</v>
      </c>
      <c r="O105" s="67" t="s">
        <v>243</v>
      </c>
      <c r="P105" s="67" t="s">
        <v>244</v>
      </c>
      <c r="Q105" s="67" t="s">
        <v>108</v>
      </c>
      <c r="R105" s="67" t="s">
        <v>109</v>
      </c>
      <c r="S105" s="67" t="s">
        <v>110</v>
      </c>
      <c r="T105" s="67" t="s">
        <v>104</v>
      </c>
      <c r="U105" s="67" t="s">
        <v>111</v>
      </c>
      <c r="V105" s="67" t="s">
        <v>254</v>
      </c>
      <c r="W105" s="67">
        <v>22</v>
      </c>
      <c r="X105" s="67" t="s">
        <v>208</v>
      </c>
      <c r="Y105" s="67" t="s">
        <v>209</v>
      </c>
      <c r="Z105" s="67" t="s">
        <v>104</v>
      </c>
      <c r="AA105" s="67" t="s">
        <v>104</v>
      </c>
      <c r="AB105" s="68" t="s">
        <v>203</v>
      </c>
    </row>
    <row r="106" spans="1:28" s="11" customFormat="1" hidden="1">
      <c r="A106" s="62" t="s">
        <v>41</v>
      </c>
      <c r="B106" s="63">
        <v>45351</v>
      </c>
      <c r="C106" s="64" t="s">
        <v>255</v>
      </c>
      <c r="D106" s="64">
        <v>2</v>
      </c>
      <c r="E106" s="64">
        <v>2024</v>
      </c>
      <c r="F106" s="64" t="s">
        <v>47</v>
      </c>
      <c r="G106" s="64" t="s">
        <v>151</v>
      </c>
      <c r="H106" s="64" t="s">
        <v>241</v>
      </c>
      <c r="I106" s="64" t="s">
        <v>204</v>
      </c>
      <c r="J106" s="64" t="s">
        <v>242</v>
      </c>
      <c r="K106" s="64">
        <v>-231082</v>
      </c>
      <c r="L106" s="64" t="s">
        <v>104</v>
      </c>
      <c r="M106" s="64" t="s">
        <v>104</v>
      </c>
      <c r="N106" s="64" t="s">
        <v>105</v>
      </c>
      <c r="O106" s="64" t="s">
        <v>243</v>
      </c>
      <c r="P106" s="64" t="s">
        <v>244</v>
      </c>
      <c r="Q106" s="64" t="s">
        <v>108</v>
      </c>
      <c r="R106" s="64" t="s">
        <v>109</v>
      </c>
      <c r="S106" s="64" t="s">
        <v>110</v>
      </c>
      <c r="T106" s="64" t="s">
        <v>104</v>
      </c>
      <c r="U106" s="64" t="s">
        <v>111</v>
      </c>
      <c r="V106" s="64" t="s">
        <v>256</v>
      </c>
      <c r="W106" s="64">
        <v>119</v>
      </c>
      <c r="X106" s="64" t="s">
        <v>246</v>
      </c>
      <c r="Y106" s="64" t="s">
        <v>209</v>
      </c>
      <c r="Z106" s="64" t="s">
        <v>104</v>
      </c>
      <c r="AA106" s="64" t="s">
        <v>104</v>
      </c>
      <c r="AB106" s="65" t="s">
        <v>241</v>
      </c>
    </row>
    <row r="107" spans="1:28" s="11" customFormat="1" hidden="1">
      <c r="A107" s="66" t="s">
        <v>41</v>
      </c>
      <c r="B107" s="63">
        <v>45382</v>
      </c>
      <c r="C107" s="67" t="s">
        <v>249</v>
      </c>
      <c r="D107" s="67">
        <v>3</v>
      </c>
      <c r="E107" s="67">
        <v>2024</v>
      </c>
      <c r="F107" s="67" t="s">
        <v>47</v>
      </c>
      <c r="G107" s="67" t="s">
        <v>151</v>
      </c>
      <c r="H107" s="67" t="s">
        <v>152</v>
      </c>
      <c r="I107" s="67" t="s">
        <v>204</v>
      </c>
      <c r="J107" s="67" t="s">
        <v>103</v>
      </c>
      <c r="K107" s="67">
        <v>231082</v>
      </c>
      <c r="L107" s="67" t="s">
        <v>104</v>
      </c>
      <c r="M107" s="67" t="s">
        <v>104</v>
      </c>
      <c r="N107" s="67" t="s">
        <v>105</v>
      </c>
      <c r="O107" s="67" t="s">
        <v>243</v>
      </c>
      <c r="P107" s="67" t="s">
        <v>244</v>
      </c>
      <c r="Q107" s="67" t="s">
        <v>108</v>
      </c>
      <c r="R107" s="67" t="s">
        <v>109</v>
      </c>
      <c r="S107" s="67" t="s">
        <v>110</v>
      </c>
      <c r="T107" s="67" t="s">
        <v>104</v>
      </c>
      <c r="U107" s="67" t="s">
        <v>111</v>
      </c>
      <c r="V107" s="67" t="s">
        <v>257</v>
      </c>
      <c r="W107" s="67">
        <v>19</v>
      </c>
      <c r="X107" s="67" t="s">
        <v>124</v>
      </c>
      <c r="Y107" s="67" t="s">
        <v>258</v>
      </c>
      <c r="Z107" s="67" t="s">
        <v>104</v>
      </c>
      <c r="AA107" s="67" t="s">
        <v>119</v>
      </c>
      <c r="AB107" s="68" t="s">
        <v>251</v>
      </c>
    </row>
    <row r="108" spans="1:28" s="11" customFormat="1" hidden="1">
      <c r="A108" s="62" t="s">
        <v>41</v>
      </c>
      <c r="B108" s="63">
        <v>45382</v>
      </c>
      <c r="C108" s="64" t="s">
        <v>259</v>
      </c>
      <c r="D108" s="64">
        <v>3</v>
      </c>
      <c r="E108" s="64">
        <v>2024</v>
      </c>
      <c r="F108" s="64" t="s">
        <v>47</v>
      </c>
      <c r="G108" s="64" t="s">
        <v>151</v>
      </c>
      <c r="H108" s="64" t="s">
        <v>203</v>
      </c>
      <c r="I108" s="64" t="s">
        <v>204</v>
      </c>
      <c r="J108" s="64" t="s">
        <v>205</v>
      </c>
      <c r="K108" s="64">
        <v>260033.5</v>
      </c>
      <c r="L108" s="64" t="s">
        <v>104</v>
      </c>
      <c r="M108" s="64" t="s">
        <v>104</v>
      </c>
      <c r="N108" s="64" t="s">
        <v>105</v>
      </c>
      <c r="O108" s="64" t="s">
        <v>243</v>
      </c>
      <c r="P108" s="64" t="s">
        <v>244</v>
      </c>
      <c r="Q108" s="64" t="s">
        <v>108</v>
      </c>
      <c r="R108" s="64" t="s">
        <v>109</v>
      </c>
      <c r="S108" s="64" t="s">
        <v>110</v>
      </c>
      <c r="T108" s="64" t="s">
        <v>104</v>
      </c>
      <c r="U108" s="64" t="s">
        <v>111</v>
      </c>
      <c r="V108" s="64" t="s">
        <v>260</v>
      </c>
      <c r="W108" s="64">
        <v>23</v>
      </c>
      <c r="X108" s="64" t="s">
        <v>208</v>
      </c>
      <c r="Y108" s="64" t="s">
        <v>209</v>
      </c>
      <c r="Z108" s="64" t="s">
        <v>104</v>
      </c>
      <c r="AA108" s="64" t="s">
        <v>104</v>
      </c>
      <c r="AB108" s="65" t="s">
        <v>203</v>
      </c>
    </row>
    <row r="109" spans="1:28" s="11" customFormat="1" hidden="1">
      <c r="A109" s="66" t="s">
        <v>41</v>
      </c>
      <c r="B109" s="63">
        <v>45382</v>
      </c>
      <c r="C109" s="67" t="s">
        <v>261</v>
      </c>
      <c r="D109" s="67">
        <v>3</v>
      </c>
      <c r="E109" s="67">
        <v>2024</v>
      </c>
      <c r="F109" s="67" t="s">
        <v>47</v>
      </c>
      <c r="G109" s="67" t="s">
        <v>151</v>
      </c>
      <c r="H109" s="67" t="s">
        <v>241</v>
      </c>
      <c r="I109" s="67" t="s">
        <v>204</v>
      </c>
      <c r="J109" s="67" t="s">
        <v>242</v>
      </c>
      <c r="K109" s="67">
        <v>-231082</v>
      </c>
      <c r="L109" s="67" t="s">
        <v>104</v>
      </c>
      <c r="M109" s="67" t="s">
        <v>104</v>
      </c>
      <c r="N109" s="67" t="s">
        <v>105</v>
      </c>
      <c r="O109" s="67" t="s">
        <v>243</v>
      </c>
      <c r="P109" s="67" t="s">
        <v>244</v>
      </c>
      <c r="Q109" s="67" t="s">
        <v>108</v>
      </c>
      <c r="R109" s="67" t="s">
        <v>109</v>
      </c>
      <c r="S109" s="67" t="s">
        <v>110</v>
      </c>
      <c r="T109" s="67" t="s">
        <v>104</v>
      </c>
      <c r="U109" s="67" t="s">
        <v>111</v>
      </c>
      <c r="V109" s="67" t="s">
        <v>262</v>
      </c>
      <c r="W109" s="67">
        <v>132</v>
      </c>
      <c r="X109" s="67" t="s">
        <v>246</v>
      </c>
      <c r="Y109" s="67" t="s">
        <v>209</v>
      </c>
      <c r="Z109" s="67" t="s">
        <v>104</v>
      </c>
      <c r="AA109" s="67" t="s">
        <v>104</v>
      </c>
      <c r="AB109" s="68" t="s">
        <v>241</v>
      </c>
    </row>
    <row r="110" spans="1:28" s="11" customFormat="1" hidden="1">
      <c r="A110" s="62" t="s">
        <v>41</v>
      </c>
      <c r="B110" s="63">
        <v>45412</v>
      </c>
      <c r="C110" s="64" t="s">
        <v>249</v>
      </c>
      <c r="D110" s="64">
        <v>4</v>
      </c>
      <c r="E110" s="64">
        <v>2024</v>
      </c>
      <c r="F110" s="64" t="s">
        <v>47</v>
      </c>
      <c r="G110" s="64" t="s">
        <v>151</v>
      </c>
      <c r="H110" s="64" t="s">
        <v>152</v>
      </c>
      <c r="I110" s="64" t="s">
        <v>204</v>
      </c>
      <c r="J110" s="64" t="s">
        <v>103</v>
      </c>
      <c r="K110" s="64">
        <v>231082</v>
      </c>
      <c r="L110" s="64" t="s">
        <v>104</v>
      </c>
      <c r="M110" s="64" t="s">
        <v>104</v>
      </c>
      <c r="N110" s="64" t="s">
        <v>105</v>
      </c>
      <c r="O110" s="64" t="s">
        <v>243</v>
      </c>
      <c r="P110" s="64" t="s">
        <v>244</v>
      </c>
      <c r="Q110" s="64" t="s">
        <v>108</v>
      </c>
      <c r="R110" s="64" t="s">
        <v>109</v>
      </c>
      <c r="S110" s="64" t="s">
        <v>110</v>
      </c>
      <c r="T110" s="64" t="s">
        <v>104</v>
      </c>
      <c r="U110" s="64" t="s">
        <v>111</v>
      </c>
      <c r="V110" s="64" t="s">
        <v>263</v>
      </c>
      <c r="W110" s="64">
        <v>19</v>
      </c>
      <c r="X110" s="64" t="s">
        <v>124</v>
      </c>
      <c r="Y110" s="64" t="s">
        <v>264</v>
      </c>
      <c r="Z110" s="64" t="s">
        <v>104</v>
      </c>
      <c r="AA110" s="64" t="s">
        <v>119</v>
      </c>
      <c r="AB110" s="65" t="s">
        <v>251</v>
      </c>
    </row>
    <row r="111" spans="1:28" s="11" customFormat="1" hidden="1">
      <c r="A111" s="66" t="s">
        <v>41</v>
      </c>
      <c r="B111" s="63">
        <v>45412</v>
      </c>
      <c r="C111" s="67" t="s">
        <v>265</v>
      </c>
      <c r="D111" s="67">
        <v>4</v>
      </c>
      <c r="E111" s="67">
        <v>2024</v>
      </c>
      <c r="F111" s="67" t="s">
        <v>47</v>
      </c>
      <c r="G111" s="67" t="s">
        <v>151</v>
      </c>
      <c r="H111" s="67" t="s">
        <v>203</v>
      </c>
      <c r="I111" s="67" t="s">
        <v>204</v>
      </c>
      <c r="J111" s="67" t="s">
        <v>205</v>
      </c>
      <c r="K111" s="67">
        <v>260033.5</v>
      </c>
      <c r="L111" s="67" t="s">
        <v>104</v>
      </c>
      <c r="M111" s="67" t="s">
        <v>104</v>
      </c>
      <c r="N111" s="67" t="s">
        <v>105</v>
      </c>
      <c r="O111" s="67" t="s">
        <v>243</v>
      </c>
      <c r="P111" s="67" t="s">
        <v>244</v>
      </c>
      <c r="Q111" s="67" t="s">
        <v>108</v>
      </c>
      <c r="R111" s="67" t="s">
        <v>109</v>
      </c>
      <c r="S111" s="67" t="s">
        <v>110</v>
      </c>
      <c r="T111" s="67" t="s">
        <v>104</v>
      </c>
      <c r="U111" s="67" t="s">
        <v>111</v>
      </c>
      <c r="V111" s="67" t="s">
        <v>266</v>
      </c>
      <c r="W111" s="67">
        <v>20</v>
      </c>
      <c r="X111" s="67" t="s">
        <v>208</v>
      </c>
      <c r="Y111" s="67" t="s">
        <v>209</v>
      </c>
      <c r="Z111" s="67" t="s">
        <v>104</v>
      </c>
      <c r="AA111" s="67" t="s">
        <v>104</v>
      </c>
      <c r="AB111" s="68" t="s">
        <v>203</v>
      </c>
    </row>
    <row r="112" spans="1:28" s="11" customFormat="1" hidden="1">
      <c r="A112" s="62" t="s">
        <v>41</v>
      </c>
      <c r="B112" s="63">
        <v>45412</v>
      </c>
      <c r="C112" s="64" t="s">
        <v>267</v>
      </c>
      <c r="D112" s="64">
        <v>4</v>
      </c>
      <c r="E112" s="64">
        <v>2024</v>
      </c>
      <c r="F112" s="64" t="s">
        <v>47</v>
      </c>
      <c r="G112" s="64" t="s">
        <v>151</v>
      </c>
      <c r="H112" s="64" t="s">
        <v>241</v>
      </c>
      <c r="I112" s="64" t="s">
        <v>204</v>
      </c>
      <c r="J112" s="64" t="s">
        <v>242</v>
      </c>
      <c r="K112" s="64">
        <v>-231082</v>
      </c>
      <c r="L112" s="64" t="s">
        <v>104</v>
      </c>
      <c r="M112" s="64" t="s">
        <v>104</v>
      </c>
      <c r="N112" s="64" t="s">
        <v>105</v>
      </c>
      <c r="O112" s="64" t="s">
        <v>243</v>
      </c>
      <c r="P112" s="64" t="s">
        <v>244</v>
      </c>
      <c r="Q112" s="64" t="s">
        <v>108</v>
      </c>
      <c r="R112" s="64" t="s">
        <v>109</v>
      </c>
      <c r="S112" s="64" t="s">
        <v>110</v>
      </c>
      <c r="T112" s="64" t="s">
        <v>104</v>
      </c>
      <c r="U112" s="64" t="s">
        <v>111</v>
      </c>
      <c r="V112" s="64" t="s">
        <v>268</v>
      </c>
      <c r="W112" s="64">
        <v>136</v>
      </c>
      <c r="X112" s="64" t="s">
        <v>246</v>
      </c>
      <c r="Y112" s="64" t="s">
        <v>209</v>
      </c>
      <c r="Z112" s="64" t="s">
        <v>104</v>
      </c>
      <c r="AA112" s="64" t="s">
        <v>104</v>
      </c>
      <c r="AB112" s="65" t="s">
        <v>241</v>
      </c>
    </row>
    <row r="113" spans="1:28" s="11" customFormat="1" hidden="1">
      <c r="A113" s="66" t="s">
        <v>41</v>
      </c>
      <c r="B113" s="63">
        <v>45443</v>
      </c>
      <c r="C113" s="67" t="s">
        <v>269</v>
      </c>
      <c r="D113" s="67">
        <v>5</v>
      </c>
      <c r="E113" s="67">
        <v>2024</v>
      </c>
      <c r="F113" s="67" t="s">
        <v>47</v>
      </c>
      <c r="G113" s="67" t="s">
        <v>151</v>
      </c>
      <c r="H113" s="67" t="s">
        <v>203</v>
      </c>
      <c r="I113" s="67" t="s">
        <v>204</v>
      </c>
      <c r="J113" s="67" t="s">
        <v>205</v>
      </c>
      <c r="K113" s="67">
        <v>260033.5</v>
      </c>
      <c r="L113" s="67" t="s">
        <v>104</v>
      </c>
      <c r="M113" s="67" t="s">
        <v>104</v>
      </c>
      <c r="N113" s="67" t="s">
        <v>105</v>
      </c>
      <c r="O113" s="67" t="s">
        <v>243</v>
      </c>
      <c r="P113" s="67" t="s">
        <v>244</v>
      </c>
      <c r="Q113" s="67" t="s">
        <v>108</v>
      </c>
      <c r="R113" s="67" t="s">
        <v>109</v>
      </c>
      <c r="S113" s="67" t="s">
        <v>110</v>
      </c>
      <c r="T113" s="67" t="s">
        <v>104</v>
      </c>
      <c r="U113" s="67" t="s">
        <v>111</v>
      </c>
      <c r="V113" s="67" t="s">
        <v>270</v>
      </c>
      <c r="W113" s="67">
        <v>20</v>
      </c>
      <c r="X113" s="67" t="s">
        <v>208</v>
      </c>
      <c r="Y113" s="67" t="s">
        <v>209</v>
      </c>
      <c r="Z113" s="67" t="s">
        <v>104</v>
      </c>
      <c r="AA113" s="67" t="s">
        <v>104</v>
      </c>
      <c r="AB113" s="68" t="s">
        <v>203</v>
      </c>
    </row>
    <row r="114" spans="1:28" s="11" customFormat="1" hidden="1">
      <c r="A114" s="62" t="s">
        <v>41</v>
      </c>
      <c r="B114" s="63">
        <v>45443</v>
      </c>
      <c r="C114" s="64" t="s">
        <v>271</v>
      </c>
      <c r="D114" s="64">
        <v>5</v>
      </c>
      <c r="E114" s="64">
        <v>2024</v>
      </c>
      <c r="F114" s="64" t="s">
        <v>47</v>
      </c>
      <c r="G114" s="64" t="s">
        <v>151</v>
      </c>
      <c r="H114" s="64" t="s">
        <v>241</v>
      </c>
      <c r="I114" s="64" t="s">
        <v>204</v>
      </c>
      <c r="J114" s="64" t="s">
        <v>242</v>
      </c>
      <c r="K114" s="64">
        <v>-231082</v>
      </c>
      <c r="L114" s="64" t="s">
        <v>104</v>
      </c>
      <c r="M114" s="64" t="s">
        <v>104</v>
      </c>
      <c r="N114" s="64" t="s">
        <v>105</v>
      </c>
      <c r="O114" s="64" t="s">
        <v>243</v>
      </c>
      <c r="P114" s="64" t="s">
        <v>244</v>
      </c>
      <c r="Q114" s="64" t="s">
        <v>108</v>
      </c>
      <c r="R114" s="64" t="s">
        <v>109</v>
      </c>
      <c r="S114" s="64" t="s">
        <v>110</v>
      </c>
      <c r="T114" s="64" t="s">
        <v>104</v>
      </c>
      <c r="U114" s="64" t="s">
        <v>111</v>
      </c>
      <c r="V114" s="64" t="s">
        <v>272</v>
      </c>
      <c r="W114" s="64">
        <v>140</v>
      </c>
      <c r="X114" s="64" t="s">
        <v>246</v>
      </c>
      <c r="Y114" s="64" t="s">
        <v>209</v>
      </c>
      <c r="Z114" s="64" t="s">
        <v>104</v>
      </c>
      <c r="AA114" s="64" t="s">
        <v>104</v>
      </c>
      <c r="AB114" s="65" t="s">
        <v>241</v>
      </c>
    </row>
    <row r="115" spans="1:28" s="11" customFormat="1" hidden="1">
      <c r="A115" s="66" t="s">
        <v>41</v>
      </c>
      <c r="B115" s="63">
        <v>45443</v>
      </c>
      <c r="C115" s="67" t="s">
        <v>249</v>
      </c>
      <c r="D115" s="67">
        <v>5</v>
      </c>
      <c r="E115" s="67">
        <v>2024</v>
      </c>
      <c r="F115" s="67" t="s">
        <v>47</v>
      </c>
      <c r="G115" s="67" t="s">
        <v>151</v>
      </c>
      <c r="H115" s="67" t="s">
        <v>152</v>
      </c>
      <c r="I115" s="67" t="s">
        <v>204</v>
      </c>
      <c r="J115" s="67" t="s">
        <v>103</v>
      </c>
      <c r="K115" s="67">
        <v>231082</v>
      </c>
      <c r="L115" s="67" t="s">
        <v>104</v>
      </c>
      <c r="M115" s="67" t="s">
        <v>104</v>
      </c>
      <c r="N115" s="67" t="s">
        <v>105</v>
      </c>
      <c r="O115" s="67" t="s">
        <v>243</v>
      </c>
      <c r="P115" s="67" t="s">
        <v>244</v>
      </c>
      <c r="Q115" s="67" t="s">
        <v>108</v>
      </c>
      <c r="R115" s="67" t="s">
        <v>109</v>
      </c>
      <c r="S115" s="67" t="s">
        <v>110</v>
      </c>
      <c r="T115" s="67" t="s">
        <v>104</v>
      </c>
      <c r="U115" s="67" t="s">
        <v>111</v>
      </c>
      <c r="V115" s="67" t="s">
        <v>273</v>
      </c>
      <c r="W115" s="67">
        <v>19</v>
      </c>
      <c r="X115" s="67" t="s">
        <v>124</v>
      </c>
      <c r="Y115" s="67" t="s">
        <v>274</v>
      </c>
      <c r="Z115" s="67" t="s">
        <v>104</v>
      </c>
      <c r="AA115" s="67" t="s">
        <v>119</v>
      </c>
      <c r="AB115" s="68" t="s">
        <v>275</v>
      </c>
    </row>
    <row r="116" spans="1:28" s="11" customFormat="1" hidden="1">
      <c r="A116" s="62" t="s">
        <v>41</v>
      </c>
      <c r="B116" s="63">
        <v>45473</v>
      </c>
      <c r="C116" s="64" t="s">
        <v>249</v>
      </c>
      <c r="D116" s="64">
        <v>6</v>
      </c>
      <c r="E116" s="64">
        <v>2024</v>
      </c>
      <c r="F116" s="64" t="s">
        <v>47</v>
      </c>
      <c r="G116" s="64" t="s">
        <v>151</v>
      </c>
      <c r="H116" s="64" t="s">
        <v>152</v>
      </c>
      <c r="I116" s="64" t="s">
        <v>204</v>
      </c>
      <c r="J116" s="64" t="s">
        <v>103</v>
      </c>
      <c r="K116" s="64">
        <v>231078.65</v>
      </c>
      <c r="L116" s="64" t="s">
        <v>104</v>
      </c>
      <c r="M116" s="64" t="s">
        <v>104</v>
      </c>
      <c r="N116" s="64" t="s">
        <v>105</v>
      </c>
      <c r="O116" s="64" t="s">
        <v>243</v>
      </c>
      <c r="P116" s="64" t="s">
        <v>244</v>
      </c>
      <c r="Q116" s="64" t="s">
        <v>108</v>
      </c>
      <c r="R116" s="64" t="s">
        <v>109</v>
      </c>
      <c r="S116" s="64" t="s">
        <v>110</v>
      </c>
      <c r="T116" s="64" t="s">
        <v>104</v>
      </c>
      <c r="U116" s="64" t="s">
        <v>111</v>
      </c>
      <c r="V116" s="64" t="s">
        <v>276</v>
      </c>
      <c r="W116" s="64">
        <v>19</v>
      </c>
      <c r="X116" s="64" t="s">
        <v>113</v>
      </c>
      <c r="Y116" s="64" t="s">
        <v>114</v>
      </c>
      <c r="Z116" s="64" t="s">
        <v>104</v>
      </c>
      <c r="AA116" s="64" t="s">
        <v>119</v>
      </c>
      <c r="AB116" s="65" t="s">
        <v>251</v>
      </c>
    </row>
    <row r="117" spans="1:28" s="11" customFormat="1" hidden="1">
      <c r="A117" s="66" t="s">
        <v>41</v>
      </c>
      <c r="B117" s="63">
        <v>45473</v>
      </c>
      <c r="C117" s="67" t="s">
        <v>277</v>
      </c>
      <c r="D117" s="67">
        <v>6</v>
      </c>
      <c r="E117" s="67">
        <v>2024</v>
      </c>
      <c r="F117" s="67" t="s">
        <v>47</v>
      </c>
      <c r="G117" s="67" t="s">
        <v>151</v>
      </c>
      <c r="H117" s="67" t="s">
        <v>203</v>
      </c>
      <c r="I117" s="67" t="s">
        <v>204</v>
      </c>
      <c r="J117" s="67" t="s">
        <v>205</v>
      </c>
      <c r="K117" s="67">
        <v>260032.46</v>
      </c>
      <c r="L117" s="67" t="s">
        <v>104</v>
      </c>
      <c r="M117" s="67" t="s">
        <v>104</v>
      </c>
      <c r="N117" s="67" t="s">
        <v>105</v>
      </c>
      <c r="O117" s="67" t="s">
        <v>243</v>
      </c>
      <c r="P117" s="67" t="s">
        <v>244</v>
      </c>
      <c r="Q117" s="67" t="s">
        <v>108</v>
      </c>
      <c r="R117" s="67" t="s">
        <v>109</v>
      </c>
      <c r="S117" s="67" t="s">
        <v>110</v>
      </c>
      <c r="T117" s="67" t="s">
        <v>104</v>
      </c>
      <c r="U117" s="67" t="s">
        <v>111</v>
      </c>
      <c r="V117" s="67" t="s">
        <v>278</v>
      </c>
      <c r="W117" s="67">
        <v>21</v>
      </c>
      <c r="X117" s="67" t="s">
        <v>208</v>
      </c>
      <c r="Y117" s="67" t="s">
        <v>209</v>
      </c>
      <c r="Z117" s="67" t="s">
        <v>104</v>
      </c>
      <c r="AA117" s="67" t="s">
        <v>104</v>
      </c>
      <c r="AB117" s="68" t="s">
        <v>203</v>
      </c>
    </row>
    <row r="118" spans="1:28" s="11" customFormat="1" hidden="1">
      <c r="A118" s="62" t="s">
        <v>41</v>
      </c>
      <c r="B118" s="63">
        <v>45473</v>
      </c>
      <c r="C118" s="64" t="s">
        <v>279</v>
      </c>
      <c r="D118" s="64">
        <v>6</v>
      </c>
      <c r="E118" s="64">
        <v>2024</v>
      </c>
      <c r="F118" s="64" t="s">
        <v>47</v>
      </c>
      <c r="G118" s="64" t="s">
        <v>151</v>
      </c>
      <c r="H118" s="64" t="s">
        <v>241</v>
      </c>
      <c r="I118" s="64" t="s">
        <v>204</v>
      </c>
      <c r="J118" s="64" t="s">
        <v>242</v>
      </c>
      <c r="K118" s="64">
        <v>-231078.65</v>
      </c>
      <c r="L118" s="64" t="s">
        <v>104</v>
      </c>
      <c r="M118" s="64" t="s">
        <v>104</v>
      </c>
      <c r="N118" s="64" t="s">
        <v>105</v>
      </c>
      <c r="O118" s="64" t="s">
        <v>243</v>
      </c>
      <c r="P118" s="64" t="s">
        <v>244</v>
      </c>
      <c r="Q118" s="64" t="s">
        <v>108</v>
      </c>
      <c r="R118" s="64" t="s">
        <v>109</v>
      </c>
      <c r="S118" s="64" t="s">
        <v>110</v>
      </c>
      <c r="T118" s="64" t="s">
        <v>104</v>
      </c>
      <c r="U118" s="64" t="s">
        <v>111</v>
      </c>
      <c r="V118" s="64" t="s">
        <v>280</v>
      </c>
      <c r="W118" s="64">
        <v>128</v>
      </c>
      <c r="X118" s="64" t="s">
        <v>246</v>
      </c>
      <c r="Y118" s="64" t="s">
        <v>209</v>
      </c>
      <c r="Z118" s="64" t="s">
        <v>104</v>
      </c>
      <c r="AA118" s="64" t="s">
        <v>104</v>
      </c>
      <c r="AB118" s="65" t="s">
        <v>241</v>
      </c>
    </row>
    <row r="119" spans="1:28" s="11" customFormat="1" hidden="1">
      <c r="A119" s="66" t="s">
        <v>40</v>
      </c>
      <c r="B119" s="63">
        <v>45504</v>
      </c>
      <c r="C119" s="67" t="s">
        <v>281</v>
      </c>
      <c r="D119" s="67">
        <v>7</v>
      </c>
      <c r="E119" s="67">
        <v>2024</v>
      </c>
      <c r="F119" s="67" t="s">
        <v>47</v>
      </c>
      <c r="G119" s="67" t="s">
        <v>151</v>
      </c>
      <c r="H119" s="67" t="s">
        <v>282</v>
      </c>
      <c r="I119" s="67" t="s">
        <v>283</v>
      </c>
      <c r="J119" s="67" t="s">
        <v>103</v>
      </c>
      <c r="K119" s="67">
        <v>-10.14</v>
      </c>
      <c r="L119" s="67" t="s">
        <v>104</v>
      </c>
      <c r="M119" s="67" t="s">
        <v>104</v>
      </c>
      <c r="N119" s="67" t="s">
        <v>105</v>
      </c>
      <c r="O119" s="67" t="s">
        <v>106</v>
      </c>
      <c r="P119" s="67" t="s">
        <v>153</v>
      </c>
      <c r="Q119" s="67" t="s">
        <v>108</v>
      </c>
      <c r="R119" s="67" t="s">
        <v>109</v>
      </c>
      <c r="S119" s="67" t="s">
        <v>110</v>
      </c>
      <c r="T119" s="67" t="s">
        <v>104</v>
      </c>
      <c r="U119" s="67" t="s">
        <v>111</v>
      </c>
      <c r="V119" s="67" t="s">
        <v>284</v>
      </c>
      <c r="W119" s="67">
        <v>10</v>
      </c>
      <c r="X119" s="67" t="s">
        <v>124</v>
      </c>
      <c r="Y119" s="67" t="s">
        <v>285</v>
      </c>
      <c r="Z119" s="67" t="s">
        <v>104</v>
      </c>
      <c r="AA119" s="67" t="s">
        <v>119</v>
      </c>
      <c r="AB119" s="68" t="s">
        <v>151</v>
      </c>
    </row>
    <row r="120" spans="1:28">
      <c r="A120" s="78" t="s">
        <v>40</v>
      </c>
      <c r="B120" s="79">
        <v>45656</v>
      </c>
      <c r="C120" s="80" t="s">
        <v>48</v>
      </c>
      <c r="D120" s="80">
        <v>12</v>
      </c>
      <c r="E120" s="80">
        <v>2024</v>
      </c>
      <c r="F120" s="80" t="s">
        <v>47</v>
      </c>
      <c r="G120" s="80" t="s">
        <v>151</v>
      </c>
      <c r="H120" s="80" t="s">
        <v>136</v>
      </c>
      <c r="I120" s="80" t="s">
        <v>102</v>
      </c>
      <c r="J120" s="80" t="s">
        <v>103</v>
      </c>
      <c r="K120" s="82">
        <v>-698856</v>
      </c>
      <c r="L120" s="80" t="s">
        <v>104</v>
      </c>
      <c r="M120" s="80" t="s">
        <v>104</v>
      </c>
      <c r="N120" s="80" t="s">
        <v>105</v>
      </c>
      <c r="O120" s="80" t="s">
        <v>106</v>
      </c>
      <c r="P120" s="80" t="s">
        <v>153</v>
      </c>
      <c r="Q120" s="80" t="s">
        <v>108</v>
      </c>
      <c r="R120" s="80" t="s">
        <v>109</v>
      </c>
      <c r="S120" s="80" t="s">
        <v>110</v>
      </c>
      <c r="T120" s="80" t="s">
        <v>104</v>
      </c>
      <c r="U120" s="80" t="s">
        <v>111</v>
      </c>
      <c r="V120" s="80" t="s">
        <v>137</v>
      </c>
      <c r="W120" s="80">
        <v>1</v>
      </c>
      <c r="X120" s="80" t="s">
        <v>124</v>
      </c>
      <c r="Y120" s="80" t="s">
        <v>138</v>
      </c>
      <c r="Z120" s="80" t="s">
        <v>104</v>
      </c>
      <c r="AA120" s="80" t="s">
        <v>115</v>
      </c>
      <c r="AB120" s="81" t="s">
        <v>151</v>
      </c>
    </row>
    <row r="121" spans="1:28">
      <c r="A121" s="78" t="s">
        <v>41</v>
      </c>
      <c r="B121" s="79">
        <v>45656</v>
      </c>
      <c r="C121" s="80" t="s">
        <v>48</v>
      </c>
      <c r="D121" s="80">
        <v>12</v>
      </c>
      <c r="E121" s="80">
        <v>2024</v>
      </c>
      <c r="F121" s="80" t="s">
        <v>47</v>
      </c>
      <c r="G121" s="80" t="s">
        <v>151</v>
      </c>
      <c r="H121" s="80" t="s">
        <v>136</v>
      </c>
      <c r="I121" s="80" t="s">
        <v>102</v>
      </c>
      <c r="J121" s="80" t="s">
        <v>103</v>
      </c>
      <c r="K121" s="82">
        <v>-133673</v>
      </c>
      <c r="L121" s="80" t="s">
        <v>104</v>
      </c>
      <c r="M121" s="80" t="s">
        <v>104</v>
      </c>
      <c r="N121" s="80" t="s">
        <v>105</v>
      </c>
      <c r="O121" s="80" t="s">
        <v>145</v>
      </c>
      <c r="P121" s="80" t="s">
        <v>153</v>
      </c>
      <c r="Q121" s="80" t="s">
        <v>108</v>
      </c>
      <c r="R121" s="80" t="s">
        <v>109</v>
      </c>
      <c r="S121" s="80" t="s">
        <v>110</v>
      </c>
      <c r="T121" s="80" t="s">
        <v>104</v>
      </c>
      <c r="U121" s="80" t="s">
        <v>111</v>
      </c>
      <c r="V121" s="80" t="s">
        <v>286</v>
      </c>
      <c r="W121" s="80">
        <v>3</v>
      </c>
      <c r="X121" s="80" t="s">
        <v>124</v>
      </c>
      <c r="Y121" s="80" t="s">
        <v>138</v>
      </c>
      <c r="Z121" s="80" t="s">
        <v>104</v>
      </c>
      <c r="AA121" s="80" t="s">
        <v>115</v>
      </c>
      <c r="AB121" s="81" t="s">
        <v>151</v>
      </c>
    </row>
    <row r="122" spans="1:28">
      <c r="A122" s="78" t="s">
        <v>42</v>
      </c>
      <c r="B122" s="79">
        <v>45656</v>
      </c>
      <c r="C122" s="80" t="s">
        <v>48</v>
      </c>
      <c r="D122" s="80">
        <v>12</v>
      </c>
      <c r="E122" s="80">
        <v>2024</v>
      </c>
      <c r="F122" s="80" t="s">
        <v>47</v>
      </c>
      <c r="G122" s="80" t="s">
        <v>151</v>
      </c>
      <c r="H122" s="80" t="s">
        <v>136</v>
      </c>
      <c r="I122" s="80" t="s">
        <v>102</v>
      </c>
      <c r="J122" s="80" t="s">
        <v>103</v>
      </c>
      <c r="K122" s="82">
        <v>-482471</v>
      </c>
      <c r="L122" s="80" t="s">
        <v>104</v>
      </c>
      <c r="M122" s="80" t="s">
        <v>104</v>
      </c>
      <c r="N122" s="80" t="s">
        <v>105</v>
      </c>
      <c r="O122" s="80" t="s">
        <v>148</v>
      </c>
      <c r="P122" s="80" t="s">
        <v>153</v>
      </c>
      <c r="Q122" s="80" t="s">
        <v>108</v>
      </c>
      <c r="R122" s="80" t="s">
        <v>109</v>
      </c>
      <c r="S122" s="80" t="s">
        <v>110</v>
      </c>
      <c r="T122" s="80" t="s">
        <v>104</v>
      </c>
      <c r="U122" s="80" t="s">
        <v>111</v>
      </c>
      <c r="V122" s="80" t="s">
        <v>287</v>
      </c>
      <c r="W122" s="80">
        <v>5</v>
      </c>
      <c r="X122" s="80" t="s">
        <v>124</v>
      </c>
      <c r="Y122" s="80" t="s">
        <v>138</v>
      </c>
      <c r="Z122" s="80" t="s">
        <v>104</v>
      </c>
      <c r="AA122" s="80" t="s">
        <v>115</v>
      </c>
      <c r="AB122" s="81" t="s">
        <v>151</v>
      </c>
    </row>
    <row r="123" spans="1:28">
      <c r="A123" s="78" t="s">
        <v>40</v>
      </c>
      <c r="B123" s="79">
        <v>45376</v>
      </c>
      <c r="C123" s="80" t="s">
        <v>45</v>
      </c>
      <c r="D123" s="80">
        <v>3</v>
      </c>
      <c r="E123" s="80">
        <v>2024</v>
      </c>
      <c r="F123" s="80" t="s">
        <v>44</v>
      </c>
      <c r="G123" s="80" t="s">
        <v>151</v>
      </c>
      <c r="H123" s="80" t="s">
        <v>288</v>
      </c>
      <c r="I123" s="80" t="s">
        <v>102</v>
      </c>
      <c r="J123" s="80" t="s">
        <v>103</v>
      </c>
      <c r="K123" s="80">
        <v>778009.48</v>
      </c>
      <c r="L123" s="80" t="s">
        <v>104</v>
      </c>
      <c r="M123" s="80" t="s">
        <v>104</v>
      </c>
      <c r="N123" s="80" t="s">
        <v>105</v>
      </c>
      <c r="O123" s="80" t="s">
        <v>106</v>
      </c>
      <c r="P123" s="80" t="s">
        <v>153</v>
      </c>
      <c r="Q123" s="80" t="s">
        <v>108</v>
      </c>
      <c r="R123" s="80" t="s">
        <v>109</v>
      </c>
      <c r="S123" s="80" t="s">
        <v>110</v>
      </c>
      <c r="T123" s="80" t="s">
        <v>104</v>
      </c>
      <c r="U123" s="80" t="s">
        <v>111</v>
      </c>
      <c r="V123" s="80" t="s">
        <v>289</v>
      </c>
      <c r="W123" s="80">
        <v>1</v>
      </c>
      <c r="X123" s="80" t="s">
        <v>124</v>
      </c>
      <c r="Y123" s="80" t="s">
        <v>174</v>
      </c>
      <c r="Z123" s="80" t="s">
        <v>104</v>
      </c>
      <c r="AA123" s="80" t="s">
        <v>115</v>
      </c>
      <c r="AB123" s="81" t="s">
        <v>290</v>
      </c>
    </row>
    <row r="124" spans="1:28">
      <c r="A124" s="78" t="s">
        <v>41</v>
      </c>
      <c r="B124" s="79">
        <v>45376</v>
      </c>
      <c r="C124" s="80" t="s">
        <v>45</v>
      </c>
      <c r="D124" s="80">
        <v>3</v>
      </c>
      <c r="E124" s="80">
        <v>2024</v>
      </c>
      <c r="F124" s="80" t="s">
        <v>44</v>
      </c>
      <c r="G124" s="80" t="s">
        <v>151</v>
      </c>
      <c r="H124" s="80" t="s">
        <v>288</v>
      </c>
      <c r="I124" s="80" t="s">
        <v>102</v>
      </c>
      <c r="J124" s="80" t="s">
        <v>103</v>
      </c>
      <c r="K124" s="80">
        <v>6.55</v>
      </c>
      <c r="L124" s="80" t="s">
        <v>104</v>
      </c>
      <c r="M124" s="80" t="s">
        <v>104</v>
      </c>
      <c r="N124" s="80" t="s">
        <v>105</v>
      </c>
      <c r="O124" s="80" t="s">
        <v>145</v>
      </c>
      <c r="P124" s="80" t="s">
        <v>153</v>
      </c>
      <c r="Q124" s="80" t="s">
        <v>108</v>
      </c>
      <c r="R124" s="80" t="s">
        <v>109</v>
      </c>
      <c r="S124" s="80" t="s">
        <v>110</v>
      </c>
      <c r="T124" s="80" t="s">
        <v>104</v>
      </c>
      <c r="U124" s="80" t="s">
        <v>111</v>
      </c>
      <c r="V124" s="80" t="s">
        <v>291</v>
      </c>
      <c r="W124" s="80">
        <v>3</v>
      </c>
      <c r="X124" s="80" t="s">
        <v>124</v>
      </c>
      <c r="Y124" s="80" t="s">
        <v>174</v>
      </c>
      <c r="Z124" s="80" t="s">
        <v>104</v>
      </c>
      <c r="AA124" s="80" t="s">
        <v>115</v>
      </c>
      <c r="AB124" s="81" t="s">
        <v>292</v>
      </c>
    </row>
    <row r="125" spans="1:28">
      <c r="A125" s="78" t="s">
        <v>42</v>
      </c>
      <c r="B125" s="79">
        <v>45376</v>
      </c>
      <c r="C125" s="80" t="s">
        <v>45</v>
      </c>
      <c r="D125" s="80">
        <v>3</v>
      </c>
      <c r="E125" s="80">
        <v>2024</v>
      </c>
      <c r="F125" s="80" t="s">
        <v>44</v>
      </c>
      <c r="G125" s="80" t="s">
        <v>151</v>
      </c>
      <c r="H125" s="80" t="s">
        <v>288</v>
      </c>
      <c r="I125" s="80" t="s">
        <v>102</v>
      </c>
      <c r="J125" s="80" t="s">
        <v>103</v>
      </c>
      <c r="K125" s="80">
        <v>54974.31</v>
      </c>
      <c r="L125" s="80" t="s">
        <v>104</v>
      </c>
      <c r="M125" s="80" t="s">
        <v>104</v>
      </c>
      <c r="N125" s="80" t="s">
        <v>105</v>
      </c>
      <c r="O125" s="80" t="s">
        <v>148</v>
      </c>
      <c r="P125" s="80" t="s">
        <v>153</v>
      </c>
      <c r="Q125" s="80" t="s">
        <v>108</v>
      </c>
      <c r="R125" s="80" t="s">
        <v>109</v>
      </c>
      <c r="S125" s="80" t="s">
        <v>110</v>
      </c>
      <c r="T125" s="80" t="s">
        <v>104</v>
      </c>
      <c r="U125" s="80" t="s">
        <v>111</v>
      </c>
      <c r="V125" s="80" t="s">
        <v>293</v>
      </c>
      <c r="W125" s="80">
        <v>5</v>
      </c>
      <c r="X125" s="80" t="s">
        <v>124</v>
      </c>
      <c r="Y125" s="80" t="s">
        <v>174</v>
      </c>
      <c r="Z125" s="80" t="s">
        <v>104</v>
      </c>
      <c r="AA125" s="80" t="s">
        <v>115</v>
      </c>
      <c r="AB125" s="81" t="s">
        <v>294</v>
      </c>
    </row>
    <row r="126" spans="1:28">
      <c r="A126" s="78" t="s">
        <v>40</v>
      </c>
      <c r="B126" s="79">
        <v>45616</v>
      </c>
      <c r="C126" s="80" t="s">
        <v>45</v>
      </c>
      <c r="D126" s="80">
        <v>11</v>
      </c>
      <c r="E126" s="80">
        <v>2024</v>
      </c>
      <c r="F126" s="80" t="s">
        <v>44</v>
      </c>
      <c r="G126" s="80" t="s">
        <v>151</v>
      </c>
      <c r="H126" s="80" t="s">
        <v>295</v>
      </c>
      <c r="I126" s="80" t="s">
        <v>102</v>
      </c>
      <c r="J126" s="80" t="s">
        <v>103</v>
      </c>
      <c r="K126" s="80">
        <v>-25903.25</v>
      </c>
      <c r="L126" s="80" t="s">
        <v>104</v>
      </c>
      <c r="M126" s="80" t="s">
        <v>104</v>
      </c>
      <c r="N126" s="80" t="s">
        <v>105</v>
      </c>
      <c r="O126" s="80" t="s">
        <v>106</v>
      </c>
      <c r="P126" s="80" t="s">
        <v>153</v>
      </c>
      <c r="Q126" s="80" t="s">
        <v>108</v>
      </c>
      <c r="R126" s="80" t="s">
        <v>109</v>
      </c>
      <c r="S126" s="80" t="s">
        <v>110</v>
      </c>
      <c r="T126" s="80" t="s">
        <v>104</v>
      </c>
      <c r="U126" s="80" t="s">
        <v>111</v>
      </c>
      <c r="V126" s="80" t="s">
        <v>296</v>
      </c>
      <c r="W126" s="80">
        <v>1</v>
      </c>
      <c r="X126" s="80" t="s">
        <v>113</v>
      </c>
      <c r="Y126" s="80" t="s">
        <v>114</v>
      </c>
      <c r="Z126" s="80" t="s">
        <v>104</v>
      </c>
      <c r="AA126" s="80" t="s">
        <v>115</v>
      </c>
      <c r="AB126" s="81" t="s">
        <v>290</v>
      </c>
    </row>
    <row r="127" spans="1:28">
      <c r="A127" s="78" t="s">
        <v>40</v>
      </c>
      <c r="B127" s="79">
        <v>45322</v>
      </c>
      <c r="C127" s="80" t="s">
        <v>57</v>
      </c>
      <c r="D127" s="80">
        <v>1</v>
      </c>
      <c r="E127" s="80">
        <v>2024</v>
      </c>
      <c r="F127" s="80" t="s">
        <v>65</v>
      </c>
      <c r="G127" s="80" t="s">
        <v>151</v>
      </c>
      <c r="H127" s="80" t="s">
        <v>152</v>
      </c>
      <c r="I127" s="80" t="s">
        <v>102</v>
      </c>
      <c r="J127" s="80" t="s">
        <v>103</v>
      </c>
      <c r="K127" s="80">
        <v>959733</v>
      </c>
      <c r="L127" s="80" t="s">
        <v>104</v>
      </c>
      <c r="M127" s="80" t="s">
        <v>104</v>
      </c>
      <c r="N127" s="80" t="s">
        <v>105</v>
      </c>
      <c r="O127" s="80" t="s">
        <v>106</v>
      </c>
      <c r="P127" s="80" t="s">
        <v>153</v>
      </c>
      <c r="Q127" s="80" t="s">
        <v>108</v>
      </c>
      <c r="R127" s="80" t="s">
        <v>109</v>
      </c>
      <c r="S127" s="80" t="s">
        <v>110</v>
      </c>
      <c r="T127" s="80" t="s">
        <v>104</v>
      </c>
      <c r="U127" s="80" t="s">
        <v>111</v>
      </c>
      <c r="V127" s="80" t="s">
        <v>177</v>
      </c>
      <c r="W127" s="80">
        <v>3</v>
      </c>
      <c r="X127" s="80" t="s">
        <v>113</v>
      </c>
      <c r="Y127" s="80" t="s">
        <v>114</v>
      </c>
      <c r="Z127" s="80" t="s">
        <v>104</v>
      </c>
      <c r="AA127" s="80" t="s">
        <v>119</v>
      </c>
      <c r="AB127" s="81" t="s">
        <v>297</v>
      </c>
    </row>
    <row r="128" spans="1:28">
      <c r="A128" s="78" t="s">
        <v>41</v>
      </c>
      <c r="B128" s="79">
        <v>45322</v>
      </c>
      <c r="C128" s="80" t="s">
        <v>57</v>
      </c>
      <c r="D128" s="80">
        <v>1</v>
      </c>
      <c r="E128" s="80">
        <v>2024</v>
      </c>
      <c r="F128" s="80" t="s">
        <v>65</v>
      </c>
      <c r="G128" s="80" t="s">
        <v>151</v>
      </c>
      <c r="H128" s="80" t="s">
        <v>152</v>
      </c>
      <c r="I128" s="80" t="s">
        <v>102</v>
      </c>
      <c r="J128" s="80" t="s">
        <v>103</v>
      </c>
      <c r="K128" s="80">
        <v>179219</v>
      </c>
      <c r="L128" s="80" t="s">
        <v>104</v>
      </c>
      <c r="M128" s="80" t="s">
        <v>104</v>
      </c>
      <c r="N128" s="80" t="s">
        <v>105</v>
      </c>
      <c r="O128" s="80" t="s">
        <v>156</v>
      </c>
      <c r="P128" s="80" t="s">
        <v>153</v>
      </c>
      <c r="Q128" s="80" t="s">
        <v>108</v>
      </c>
      <c r="R128" s="80" t="s">
        <v>109</v>
      </c>
      <c r="S128" s="80" t="s">
        <v>110</v>
      </c>
      <c r="T128" s="80" t="s">
        <v>104</v>
      </c>
      <c r="U128" s="80" t="s">
        <v>111</v>
      </c>
      <c r="V128" s="80" t="s">
        <v>179</v>
      </c>
      <c r="W128" s="80">
        <v>8</v>
      </c>
      <c r="X128" s="80" t="s">
        <v>113</v>
      </c>
      <c r="Y128" s="80" t="s">
        <v>114</v>
      </c>
      <c r="Z128" s="80" t="s">
        <v>104</v>
      </c>
      <c r="AA128" s="80" t="s">
        <v>119</v>
      </c>
      <c r="AB128" s="81" t="s">
        <v>298</v>
      </c>
    </row>
    <row r="129" spans="1:28" s="11" customFormat="1" hidden="1">
      <c r="A129" s="66" t="s">
        <v>41</v>
      </c>
      <c r="B129" s="63">
        <v>45688</v>
      </c>
      <c r="C129" s="67" t="s">
        <v>249</v>
      </c>
      <c r="D129" s="67">
        <v>1</v>
      </c>
      <c r="E129" s="67">
        <v>2025</v>
      </c>
      <c r="F129" s="67" t="s">
        <v>65</v>
      </c>
      <c r="G129" s="67" t="s">
        <v>151</v>
      </c>
      <c r="H129" s="67" t="s">
        <v>152</v>
      </c>
      <c r="I129" s="67" t="s">
        <v>204</v>
      </c>
      <c r="J129" s="67" t="s">
        <v>103</v>
      </c>
      <c r="K129" s="67">
        <v>224199</v>
      </c>
      <c r="L129" s="67" t="s">
        <v>104</v>
      </c>
      <c r="M129" s="67" t="s">
        <v>104</v>
      </c>
      <c r="N129" s="67" t="s">
        <v>105</v>
      </c>
      <c r="O129" s="67" t="s">
        <v>243</v>
      </c>
      <c r="P129" s="67" t="s">
        <v>244</v>
      </c>
      <c r="Q129" s="67" t="s">
        <v>108</v>
      </c>
      <c r="R129" s="67" t="s">
        <v>109</v>
      </c>
      <c r="S129" s="67" t="s">
        <v>110</v>
      </c>
      <c r="T129" s="67" t="s">
        <v>104</v>
      </c>
      <c r="U129" s="67" t="s">
        <v>111</v>
      </c>
      <c r="V129" s="67" t="s">
        <v>299</v>
      </c>
      <c r="W129" s="67">
        <v>19</v>
      </c>
      <c r="X129" s="67" t="s">
        <v>113</v>
      </c>
      <c r="Y129" s="67" t="s">
        <v>114</v>
      </c>
      <c r="Z129" s="67" t="s">
        <v>104</v>
      </c>
      <c r="AA129" s="67" t="s">
        <v>119</v>
      </c>
      <c r="AB129" s="68" t="s">
        <v>300</v>
      </c>
    </row>
    <row r="130" spans="1:28" s="11" customFormat="1" hidden="1">
      <c r="A130" s="62" t="s">
        <v>41</v>
      </c>
      <c r="B130" s="63">
        <v>45688</v>
      </c>
      <c r="C130" s="64" t="s">
        <v>301</v>
      </c>
      <c r="D130" s="64">
        <v>1</v>
      </c>
      <c r="E130" s="64">
        <v>2025</v>
      </c>
      <c r="F130" s="64" t="s">
        <v>65</v>
      </c>
      <c r="G130" s="64" t="s">
        <v>151</v>
      </c>
      <c r="H130" s="64" t="s">
        <v>203</v>
      </c>
      <c r="I130" s="64" t="s">
        <v>204</v>
      </c>
      <c r="J130" s="64" t="s">
        <v>205</v>
      </c>
      <c r="K130" s="64">
        <v>262522</v>
      </c>
      <c r="L130" s="64" t="s">
        <v>104</v>
      </c>
      <c r="M130" s="64" t="s">
        <v>104</v>
      </c>
      <c r="N130" s="64" t="s">
        <v>105</v>
      </c>
      <c r="O130" s="64" t="s">
        <v>243</v>
      </c>
      <c r="P130" s="64" t="s">
        <v>244</v>
      </c>
      <c r="Q130" s="64" t="s">
        <v>108</v>
      </c>
      <c r="R130" s="64" t="s">
        <v>109</v>
      </c>
      <c r="S130" s="64" t="s">
        <v>110</v>
      </c>
      <c r="T130" s="64" t="s">
        <v>104</v>
      </c>
      <c r="U130" s="64" t="s">
        <v>111</v>
      </c>
      <c r="V130" s="64" t="s">
        <v>302</v>
      </c>
      <c r="W130" s="64">
        <v>23</v>
      </c>
      <c r="X130" s="64" t="s">
        <v>208</v>
      </c>
      <c r="Y130" s="64" t="s">
        <v>209</v>
      </c>
      <c r="Z130" s="64" t="s">
        <v>104</v>
      </c>
      <c r="AA130" s="64" t="s">
        <v>104</v>
      </c>
      <c r="AB130" s="65" t="s">
        <v>203</v>
      </c>
    </row>
    <row r="131" spans="1:28" s="11" customFormat="1" hidden="1">
      <c r="A131" s="66" t="s">
        <v>41</v>
      </c>
      <c r="B131" s="63">
        <v>45688</v>
      </c>
      <c r="C131" s="67" t="s">
        <v>303</v>
      </c>
      <c r="D131" s="67">
        <v>1</v>
      </c>
      <c r="E131" s="67">
        <v>2025</v>
      </c>
      <c r="F131" s="67" t="s">
        <v>65</v>
      </c>
      <c r="G131" s="67" t="s">
        <v>151</v>
      </c>
      <c r="H131" s="67" t="s">
        <v>241</v>
      </c>
      <c r="I131" s="67" t="s">
        <v>204</v>
      </c>
      <c r="J131" s="67" t="s">
        <v>242</v>
      </c>
      <c r="K131" s="67">
        <v>-224199</v>
      </c>
      <c r="L131" s="67" t="s">
        <v>104</v>
      </c>
      <c r="M131" s="67" t="s">
        <v>104</v>
      </c>
      <c r="N131" s="67" t="s">
        <v>105</v>
      </c>
      <c r="O131" s="67" t="s">
        <v>243</v>
      </c>
      <c r="P131" s="67" t="s">
        <v>244</v>
      </c>
      <c r="Q131" s="67" t="s">
        <v>108</v>
      </c>
      <c r="R131" s="67" t="s">
        <v>109</v>
      </c>
      <c r="S131" s="67" t="s">
        <v>110</v>
      </c>
      <c r="T131" s="67" t="s">
        <v>104</v>
      </c>
      <c r="U131" s="67" t="s">
        <v>111</v>
      </c>
      <c r="V131" s="67" t="s">
        <v>304</v>
      </c>
      <c r="W131" s="67">
        <v>107</v>
      </c>
      <c r="X131" s="67" t="s">
        <v>246</v>
      </c>
      <c r="Y131" s="67" t="s">
        <v>209</v>
      </c>
      <c r="Z131" s="67" t="s">
        <v>104</v>
      </c>
      <c r="AA131" s="67" t="s">
        <v>104</v>
      </c>
      <c r="AB131" s="68" t="s">
        <v>241</v>
      </c>
    </row>
    <row r="132" spans="1:28">
      <c r="A132" s="78" t="s">
        <v>42</v>
      </c>
      <c r="B132" s="79">
        <v>45322</v>
      </c>
      <c r="C132" s="80" t="s">
        <v>57</v>
      </c>
      <c r="D132" s="80">
        <v>1</v>
      </c>
      <c r="E132" s="80">
        <v>2024</v>
      </c>
      <c r="F132" s="80" t="s">
        <v>65</v>
      </c>
      <c r="G132" s="80" t="s">
        <v>151</v>
      </c>
      <c r="H132" s="80" t="s">
        <v>152</v>
      </c>
      <c r="I132" s="80" t="s">
        <v>102</v>
      </c>
      <c r="J132" s="80" t="s">
        <v>103</v>
      </c>
      <c r="K132" s="80">
        <v>599298</v>
      </c>
      <c r="L132" s="80" t="s">
        <v>104</v>
      </c>
      <c r="M132" s="80" t="s">
        <v>104</v>
      </c>
      <c r="N132" s="80" t="s">
        <v>105</v>
      </c>
      <c r="O132" s="80" t="s">
        <v>148</v>
      </c>
      <c r="P132" s="80" t="s">
        <v>153</v>
      </c>
      <c r="Q132" s="80" t="s">
        <v>108</v>
      </c>
      <c r="R132" s="80" t="s">
        <v>109</v>
      </c>
      <c r="S132" s="80" t="s">
        <v>110</v>
      </c>
      <c r="T132" s="80" t="s">
        <v>104</v>
      </c>
      <c r="U132" s="80" t="s">
        <v>111</v>
      </c>
      <c r="V132" s="80" t="s">
        <v>181</v>
      </c>
      <c r="W132" s="80">
        <v>49</v>
      </c>
      <c r="X132" s="80" t="s">
        <v>113</v>
      </c>
      <c r="Y132" s="80" t="s">
        <v>114</v>
      </c>
      <c r="Z132" s="80" t="s">
        <v>104</v>
      </c>
      <c r="AA132" s="80" t="s">
        <v>119</v>
      </c>
      <c r="AB132" s="81" t="s">
        <v>305</v>
      </c>
    </row>
    <row r="133" spans="1:28">
      <c r="A133" s="78" t="s">
        <v>40</v>
      </c>
      <c r="B133" s="79">
        <v>45351</v>
      </c>
      <c r="C133" s="80" t="s">
        <v>57</v>
      </c>
      <c r="D133" s="80">
        <v>2</v>
      </c>
      <c r="E133" s="80">
        <v>2024</v>
      </c>
      <c r="F133" s="80" t="s">
        <v>65</v>
      </c>
      <c r="G133" s="80" t="s">
        <v>151</v>
      </c>
      <c r="H133" s="80" t="s">
        <v>152</v>
      </c>
      <c r="I133" s="80" t="s">
        <v>102</v>
      </c>
      <c r="J133" s="80" t="s">
        <v>103</v>
      </c>
      <c r="K133" s="80">
        <v>959733</v>
      </c>
      <c r="L133" s="80" t="s">
        <v>104</v>
      </c>
      <c r="M133" s="80" t="s">
        <v>104</v>
      </c>
      <c r="N133" s="80" t="s">
        <v>105</v>
      </c>
      <c r="O133" s="80" t="s">
        <v>106</v>
      </c>
      <c r="P133" s="80" t="s">
        <v>153</v>
      </c>
      <c r="Q133" s="80" t="s">
        <v>108</v>
      </c>
      <c r="R133" s="80" t="s">
        <v>109</v>
      </c>
      <c r="S133" s="80" t="s">
        <v>110</v>
      </c>
      <c r="T133" s="80" t="s">
        <v>104</v>
      </c>
      <c r="U133" s="80" t="s">
        <v>111</v>
      </c>
      <c r="V133" s="80" t="s">
        <v>183</v>
      </c>
      <c r="W133" s="80">
        <v>3</v>
      </c>
      <c r="X133" s="80" t="s">
        <v>113</v>
      </c>
      <c r="Y133" s="80" t="s">
        <v>114</v>
      </c>
      <c r="Z133" s="80" t="s">
        <v>104</v>
      </c>
      <c r="AA133" s="80" t="s">
        <v>119</v>
      </c>
      <c r="AB133" s="81" t="s">
        <v>297</v>
      </c>
    </row>
    <row r="134" spans="1:28">
      <c r="A134" s="78" t="s">
        <v>41</v>
      </c>
      <c r="B134" s="79">
        <v>45351</v>
      </c>
      <c r="C134" s="80" t="s">
        <v>57</v>
      </c>
      <c r="D134" s="80">
        <v>2</v>
      </c>
      <c r="E134" s="80">
        <v>2024</v>
      </c>
      <c r="F134" s="80" t="s">
        <v>65</v>
      </c>
      <c r="G134" s="80" t="s">
        <v>151</v>
      </c>
      <c r="H134" s="80" t="s">
        <v>152</v>
      </c>
      <c r="I134" s="80" t="s">
        <v>102</v>
      </c>
      <c r="J134" s="80" t="s">
        <v>103</v>
      </c>
      <c r="K134" s="80">
        <v>179219</v>
      </c>
      <c r="L134" s="80" t="s">
        <v>104</v>
      </c>
      <c r="M134" s="80" t="s">
        <v>104</v>
      </c>
      <c r="N134" s="80" t="s">
        <v>105</v>
      </c>
      <c r="O134" s="80" t="s">
        <v>156</v>
      </c>
      <c r="P134" s="80" t="s">
        <v>153</v>
      </c>
      <c r="Q134" s="80" t="s">
        <v>108</v>
      </c>
      <c r="R134" s="80" t="s">
        <v>109</v>
      </c>
      <c r="S134" s="80" t="s">
        <v>110</v>
      </c>
      <c r="T134" s="80" t="s">
        <v>104</v>
      </c>
      <c r="U134" s="80" t="s">
        <v>111</v>
      </c>
      <c r="V134" s="80" t="s">
        <v>184</v>
      </c>
      <c r="W134" s="80">
        <v>7</v>
      </c>
      <c r="X134" s="80" t="s">
        <v>113</v>
      </c>
      <c r="Y134" s="80" t="s">
        <v>114</v>
      </c>
      <c r="Z134" s="80" t="s">
        <v>104</v>
      </c>
      <c r="AA134" s="80" t="s">
        <v>119</v>
      </c>
      <c r="AB134" s="81" t="s">
        <v>298</v>
      </c>
    </row>
    <row r="135" spans="1:28" s="11" customFormat="1" hidden="1">
      <c r="A135" s="66" t="s">
        <v>41</v>
      </c>
      <c r="B135" s="63">
        <v>45716</v>
      </c>
      <c r="C135" s="67" t="s">
        <v>306</v>
      </c>
      <c r="D135" s="67">
        <v>2</v>
      </c>
      <c r="E135" s="67">
        <v>2025</v>
      </c>
      <c r="F135" s="67" t="s">
        <v>65</v>
      </c>
      <c r="G135" s="67" t="s">
        <v>151</v>
      </c>
      <c r="H135" s="67" t="s">
        <v>203</v>
      </c>
      <c r="I135" s="67" t="s">
        <v>204</v>
      </c>
      <c r="J135" s="67" t="s">
        <v>205</v>
      </c>
      <c r="K135" s="67">
        <v>262522</v>
      </c>
      <c r="L135" s="67" t="s">
        <v>104</v>
      </c>
      <c r="M135" s="67" t="s">
        <v>104</v>
      </c>
      <c r="N135" s="67" t="s">
        <v>105</v>
      </c>
      <c r="O135" s="67" t="s">
        <v>243</v>
      </c>
      <c r="P135" s="67" t="s">
        <v>244</v>
      </c>
      <c r="Q135" s="67" t="s">
        <v>108</v>
      </c>
      <c r="R135" s="67" t="s">
        <v>109</v>
      </c>
      <c r="S135" s="67" t="s">
        <v>110</v>
      </c>
      <c r="T135" s="67" t="s">
        <v>104</v>
      </c>
      <c r="U135" s="67" t="s">
        <v>111</v>
      </c>
      <c r="V135" s="67" t="s">
        <v>307</v>
      </c>
      <c r="W135" s="67">
        <v>18</v>
      </c>
      <c r="X135" s="67" t="s">
        <v>208</v>
      </c>
      <c r="Y135" s="67" t="s">
        <v>209</v>
      </c>
      <c r="Z135" s="67" t="s">
        <v>104</v>
      </c>
      <c r="AA135" s="67" t="s">
        <v>104</v>
      </c>
      <c r="AB135" s="68" t="s">
        <v>203</v>
      </c>
    </row>
    <row r="136" spans="1:28" s="11" customFormat="1" hidden="1">
      <c r="A136" s="62" t="s">
        <v>41</v>
      </c>
      <c r="B136" s="63">
        <v>45716</v>
      </c>
      <c r="C136" s="64" t="s">
        <v>308</v>
      </c>
      <c r="D136" s="64">
        <v>2</v>
      </c>
      <c r="E136" s="64">
        <v>2025</v>
      </c>
      <c r="F136" s="64" t="s">
        <v>65</v>
      </c>
      <c r="G136" s="64" t="s">
        <v>151</v>
      </c>
      <c r="H136" s="64" t="s">
        <v>241</v>
      </c>
      <c r="I136" s="64" t="s">
        <v>204</v>
      </c>
      <c r="J136" s="64" t="s">
        <v>242</v>
      </c>
      <c r="K136" s="64">
        <v>-224199</v>
      </c>
      <c r="L136" s="64" t="s">
        <v>104</v>
      </c>
      <c r="M136" s="64" t="s">
        <v>104</v>
      </c>
      <c r="N136" s="64" t="s">
        <v>105</v>
      </c>
      <c r="O136" s="64" t="s">
        <v>243</v>
      </c>
      <c r="P136" s="64" t="s">
        <v>244</v>
      </c>
      <c r="Q136" s="64" t="s">
        <v>108</v>
      </c>
      <c r="R136" s="64" t="s">
        <v>109</v>
      </c>
      <c r="S136" s="64" t="s">
        <v>110</v>
      </c>
      <c r="T136" s="64" t="s">
        <v>104</v>
      </c>
      <c r="U136" s="64" t="s">
        <v>111</v>
      </c>
      <c r="V136" s="64" t="s">
        <v>309</v>
      </c>
      <c r="W136" s="64">
        <v>120</v>
      </c>
      <c r="X136" s="64" t="s">
        <v>246</v>
      </c>
      <c r="Y136" s="64" t="s">
        <v>209</v>
      </c>
      <c r="Z136" s="64" t="s">
        <v>104</v>
      </c>
      <c r="AA136" s="64" t="s">
        <v>104</v>
      </c>
      <c r="AB136" s="65" t="s">
        <v>241</v>
      </c>
    </row>
    <row r="137" spans="1:28" s="11" customFormat="1" hidden="1">
      <c r="A137" s="66" t="s">
        <v>41</v>
      </c>
      <c r="B137" s="63">
        <v>45716</v>
      </c>
      <c r="C137" s="67" t="s">
        <v>249</v>
      </c>
      <c r="D137" s="67">
        <v>2</v>
      </c>
      <c r="E137" s="67">
        <v>2025</v>
      </c>
      <c r="F137" s="67" t="s">
        <v>65</v>
      </c>
      <c r="G137" s="67" t="s">
        <v>151</v>
      </c>
      <c r="H137" s="67" t="s">
        <v>152</v>
      </c>
      <c r="I137" s="67" t="s">
        <v>204</v>
      </c>
      <c r="J137" s="67" t="s">
        <v>103</v>
      </c>
      <c r="K137" s="67">
        <v>224199</v>
      </c>
      <c r="L137" s="67" t="s">
        <v>104</v>
      </c>
      <c r="M137" s="67" t="s">
        <v>104</v>
      </c>
      <c r="N137" s="67" t="s">
        <v>105</v>
      </c>
      <c r="O137" s="67" t="s">
        <v>243</v>
      </c>
      <c r="P137" s="67" t="s">
        <v>244</v>
      </c>
      <c r="Q137" s="67" t="s">
        <v>108</v>
      </c>
      <c r="R137" s="67" t="s">
        <v>109</v>
      </c>
      <c r="S137" s="67" t="s">
        <v>110</v>
      </c>
      <c r="T137" s="67" t="s">
        <v>104</v>
      </c>
      <c r="U137" s="67" t="s">
        <v>111</v>
      </c>
      <c r="V137" s="67" t="s">
        <v>310</v>
      </c>
      <c r="W137" s="67">
        <v>17</v>
      </c>
      <c r="X137" s="67" t="s">
        <v>113</v>
      </c>
      <c r="Y137" s="67" t="s">
        <v>114</v>
      </c>
      <c r="Z137" s="67" t="s">
        <v>104</v>
      </c>
      <c r="AA137" s="67" t="s">
        <v>119</v>
      </c>
      <c r="AB137" s="68" t="s">
        <v>300</v>
      </c>
    </row>
    <row r="138" spans="1:28">
      <c r="A138" s="78" t="s">
        <v>42</v>
      </c>
      <c r="B138" s="79">
        <v>45351</v>
      </c>
      <c r="C138" s="80" t="s">
        <v>57</v>
      </c>
      <c r="D138" s="80">
        <v>2</v>
      </c>
      <c r="E138" s="80">
        <v>2024</v>
      </c>
      <c r="F138" s="80" t="s">
        <v>65</v>
      </c>
      <c r="G138" s="80" t="s">
        <v>151</v>
      </c>
      <c r="H138" s="80" t="s">
        <v>152</v>
      </c>
      <c r="I138" s="80" t="s">
        <v>102</v>
      </c>
      <c r="J138" s="80" t="s">
        <v>103</v>
      </c>
      <c r="K138" s="80">
        <v>599298</v>
      </c>
      <c r="L138" s="80" t="s">
        <v>104</v>
      </c>
      <c r="M138" s="80" t="s">
        <v>104</v>
      </c>
      <c r="N138" s="80" t="s">
        <v>105</v>
      </c>
      <c r="O138" s="80" t="s">
        <v>148</v>
      </c>
      <c r="P138" s="80" t="s">
        <v>153</v>
      </c>
      <c r="Q138" s="80" t="s">
        <v>108</v>
      </c>
      <c r="R138" s="80" t="s">
        <v>109</v>
      </c>
      <c r="S138" s="80" t="s">
        <v>110</v>
      </c>
      <c r="T138" s="80" t="s">
        <v>104</v>
      </c>
      <c r="U138" s="80" t="s">
        <v>111</v>
      </c>
      <c r="V138" s="80" t="s">
        <v>185</v>
      </c>
      <c r="W138" s="80">
        <v>47</v>
      </c>
      <c r="X138" s="80" t="s">
        <v>113</v>
      </c>
      <c r="Y138" s="80" t="s">
        <v>114</v>
      </c>
      <c r="Z138" s="80" t="s">
        <v>104</v>
      </c>
      <c r="AA138" s="80" t="s">
        <v>119</v>
      </c>
      <c r="AB138" s="81" t="s">
        <v>305</v>
      </c>
    </row>
    <row r="139" spans="1:28">
      <c r="A139" s="78" t="s">
        <v>40</v>
      </c>
      <c r="B139" s="79">
        <v>45382</v>
      </c>
      <c r="C139" s="80" t="s">
        <v>57</v>
      </c>
      <c r="D139" s="80">
        <v>3</v>
      </c>
      <c r="E139" s="80">
        <v>2024</v>
      </c>
      <c r="F139" s="80" t="s">
        <v>65</v>
      </c>
      <c r="G139" s="80" t="s">
        <v>151</v>
      </c>
      <c r="H139" s="80" t="s">
        <v>186</v>
      </c>
      <c r="I139" s="80" t="s">
        <v>102</v>
      </c>
      <c r="J139" s="80" t="s">
        <v>103</v>
      </c>
      <c r="K139" s="80">
        <v>959733</v>
      </c>
      <c r="L139" s="80" t="s">
        <v>104</v>
      </c>
      <c r="M139" s="80" t="s">
        <v>104</v>
      </c>
      <c r="N139" s="80" t="s">
        <v>105</v>
      </c>
      <c r="O139" s="80" t="s">
        <v>106</v>
      </c>
      <c r="P139" s="80" t="s">
        <v>153</v>
      </c>
      <c r="Q139" s="80" t="s">
        <v>108</v>
      </c>
      <c r="R139" s="80" t="s">
        <v>109</v>
      </c>
      <c r="S139" s="80" t="s">
        <v>110</v>
      </c>
      <c r="T139" s="80" t="s">
        <v>104</v>
      </c>
      <c r="U139" s="80" t="s">
        <v>111</v>
      </c>
      <c r="V139" s="80" t="s">
        <v>187</v>
      </c>
      <c r="W139" s="80">
        <v>3</v>
      </c>
      <c r="X139" s="80" t="s">
        <v>124</v>
      </c>
      <c r="Y139" s="80" t="s">
        <v>174</v>
      </c>
      <c r="Z139" s="80" t="s">
        <v>104</v>
      </c>
      <c r="AA139" s="80" t="s">
        <v>119</v>
      </c>
      <c r="AB139" s="81" t="s">
        <v>297</v>
      </c>
    </row>
    <row r="140" spans="1:28">
      <c r="A140" s="78" t="s">
        <v>41</v>
      </c>
      <c r="B140" s="79">
        <v>45382</v>
      </c>
      <c r="C140" s="80" t="s">
        <v>57</v>
      </c>
      <c r="D140" s="80">
        <v>3</v>
      </c>
      <c r="E140" s="80">
        <v>2024</v>
      </c>
      <c r="F140" s="80" t="s">
        <v>65</v>
      </c>
      <c r="G140" s="80" t="s">
        <v>151</v>
      </c>
      <c r="H140" s="80" t="s">
        <v>186</v>
      </c>
      <c r="I140" s="80" t="s">
        <v>102</v>
      </c>
      <c r="J140" s="80" t="s">
        <v>103</v>
      </c>
      <c r="K140" s="80">
        <v>179219</v>
      </c>
      <c r="L140" s="80" t="s">
        <v>104</v>
      </c>
      <c r="M140" s="80" t="s">
        <v>104</v>
      </c>
      <c r="N140" s="80" t="s">
        <v>105</v>
      </c>
      <c r="O140" s="80" t="s">
        <v>156</v>
      </c>
      <c r="P140" s="80" t="s">
        <v>153</v>
      </c>
      <c r="Q140" s="80" t="s">
        <v>108</v>
      </c>
      <c r="R140" s="80" t="s">
        <v>109</v>
      </c>
      <c r="S140" s="80" t="s">
        <v>110</v>
      </c>
      <c r="T140" s="80" t="s">
        <v>104</v>
      </c>
      <c r="U140" s="80" t="s">
        <v>111</v>
      </c>
      <c r="V140" s="80" t="s">
        <v>188</v>
      </c>
      <c r="W140" s="80">
        <v>7</v>
      </c>
      <c r="X140" s="80" t="s">
        <v>124</v>
      </c>
      <c r="Y140" s="80" t="s">
        <v>174</v>
      </c>
      <c r="Z140" s="80" t="s">
        <v>104</v>
      </c>
      <c r="AA140" s="80" t="s">
        <v>119</v>
      </c>
      <c r="AB140" s="81" t="s">
        <v>298</v>
      </c>
    </row>
    <row r="141" spans="1:28" s="11" customFormat="1" hidden="1">
      <c r="A141" s="66" t="s">
        <v>41</v>
      </c>
      <c r="B141" s="63">
        <v>45747</v>
      </c>
      <c r="C141" s="67" t="s">
        <v>311</v>
      </c>
      <c r="D141" s="67">
        <v>3</v>
      </c>
      <c r="E141" s="67">
        <v>2025</v>
      </c>
      <c r="F141" s="67" t="s">
        <v>65</v>
      </c>
      <c r="G141" s="67" t="s">
        <v>151</v>
      </c>
      <c r="H141" s="67" t="s">
        <v>203</v>
      </c>
      <c r="I141" s="67" t="s">
        <v>204</v>
      </c>
      <c r="J141" s="67" t="s">
        <v>205</v>
      </c>
      <c r="K141" s="67">
        <v>262522</v>
      </c>
      <c r="L141" s="67" t="s">
        <v>104</v>
      </c>
      <c r="M141" s="67" t="s">
        <v>104</v>
      </c>
      <c r="N141" s="67" t="s">
        <v>105</v>
      </c>
      <c r="O141" s="67" t="s">
        <v>243</v>
      </c>
      <c r="P141" s="67" t="s">
        <v>244</v>
      </c>
      <c r="Q141" s="67" t="s">
        <v>108</v>
      </c>
      <c r="R141" s="67" t="s">
        <v>109</v>
      </c>
      <c r="S141" s="67" t="s">
        <v>110</v>
      </c>
      <c r="T141" s="67" t="s">
        <v>104</v>
      </c>
      <c r="U141" s="67" t="s">
        <v>111</v>
      </c>
      <c r="V141" s="67" t="s">
        <v>312</v>
      </c>
      <c r="W141" s="67">
        <v>20</v>
      </c>
      <c r="X141" s="67" t="s">
        <v>208</v>
      </c>
      <c r="Y141" s="67" t="s">
        <v>209</v>
      </c>
      <c r="Z141" s="67" t="s">
        <v>104</v>
      </c>
      <c r="AA141" s="67" t="s">
        <v>104</v>
      </c>
      <c r="AB141" s="68" t="s">
        <v>203</v>
      </c>
    </row>
    <row r="142" spans="1:28" s="11" customFormat="1" hidden="1">
      <c r="A142" s="62" t="s">
        <v>41</v>
      </c>
      <c r="B142" s="63">
        <v>45747</v>
      </c>
      <c r="C142" s="64" t="s">
        <v>313</v>
      </c>
      <c r="D142" s="64">
        <v>3</v>
      </c>
      <c r="E142" s="64">
        <v>2025</v>
      </c>
      <c r="F142" s="64" t="s">
        <v>65</v>
      </c>
      <c r="G142" s="64" t="s">
        <v>151</v>
      </c>
      <c r="H142" s="64" t="s">
        <v>241</v>
      </c>
      <c r="I142" s="64" t="s">
        <v>204</v>
      </c>
      <c r="J142" s="64" t="s">
        <v>242</v>
      </c>
      <c r="K142" s="64">
        <v>-224199</v>
      </c>
      <c r="L142" s="64" t="s">
        <v>104</v>
      </c>
      <c r="M142" s="64" t="s">
        <v>104</v>
      </c>
      <c r="N142" s="64" t="s">
        <v>105</v>
      </c>
      <c r="O142" s="64" t="s">
        <v>243</v>
      </c>
      <c r="P142" s="64" t="s">
        <v>244</v>
      </c>
      <c r="Q142" s="64" t="s">
        <v>108</v>
      </c>
      <c r="R142" s="64" t="s">
        <v>109</v>
      </c>
      <c r="S142" s="64" t="s">
        <v>110</v>
      </c>
      <c r="T142" s="64" t="s">
        <v>104</v>
      </c>
      <c r="U142" s="64" t="s">
        <v>111</v>
      </c>
      <c r="V142" s="64" t="s">
        <v>314</v>
      </c>
      <c r="W142" s="64">
        <v>154</v>
      </c>
      <c r="X142" s="64" t="s">
        <v>246</v>
      </c>
      <c r="Y142" s="64" t="s">
        <v>209</v>
      </c>
      <c r="Z142" s="64" t="s">
        <v>104</v>
      </c>
      <c r="AA142" s="64" t="s">
        <v>104</v>
      </c>
      <c r="AB142" s="65" t="s">
        <v>241</v>
      </c>
    </row>
    <row r="143" spans="1:28" s="11" customFormat="1" hidden="1">
      <c r="A143" s="66" t="s">
        <v>41</v>
      </c>
      <c r="B143" s="63">
        <v>45747</v>
      </c>
      <c r="C143" s="67" t="s">
        <v>249</v>
      </c>
      <c r="D143" s="67">
        <v>3</v>
      </c>
      <c r="E143" s="67">
        <v>2025</v>
      </c>
      <c r="F143" s="67" t="s">
        <v>65</v>
      </c>
      <c r="G143" s="67" t="s">
        <v>151</v>
      </c>
      <c r="H143" s="67" t="s">
        <v>152</v>
      </c>
      <c r="I143" s="67" t="s">
        <v>204</v>
      </c>
      <c r="J143" s="67" t="s">
        <v>103</v>
      </c>
      <c r="K143" s="67">
        <v>224199</v>
      </c>
      <c r="L143" s="67" t="s">
        <v>104</v>
      </c>
      <c r="M143" s="67" t="s">
        <v>104</v>
      </c>
      <c r="N143" s="67" t="s">
        <v>105</v>
      </c>
      <c r="O143" s="67" t="s">
        <v>243</v>
      </c>
      <c r="P143" s="67" t="s">
        <v>244</v>
      </c>
      <c r="Q143" s="67" t="s">
        <v>108</v>
      </c>
      <c r="R143" s="67" t="s">
        <v>109</v>
      </c>
      <c r="S143" s="67" t="s">
        <v>110</v>
      </c>
      <c r="T143" s="67" t="s">
        <v>104</v>
      </c>
      <c r="U143" s="67" t="s">
        <v>111</v>
      </c>
      <c r="V143" s="67" t="s">
        <v>315</v>
      </c>
      <c r="W143" s="67">
        <v>17</v>
      </c>
      <c r="X143" s="67" t="s">
        <v>113</v>
      </c>
      <c r="Y143" s="67" t="s">
        <v>114</v>
      </c>
      <c r="Z143" s="67" t="s">
        <v>104</v>
      </c>
      <c r="AA143" s="67" t="s">
        <v>119</v>
      </c>
      <c r="AB143" s="68" t="s">
        <v>300</v>
      </c>
    </row>
    <row r="144" spans="1:28">
      <c r="A144" s="78" t="s">
        <v>42</v>
      </c>
      <c r="B144" s="79">
        <v>45382</v>
      </c>
      <c r="C144" s="80" t="s">
        <v>57</v>
      </c>
      <c r="D144" s="80">
        <v>3</v>
      </c>
      <c r="E144" s="80">
        <v>2024</v>
      </c>
      <c r="F144" s="80" t="s">
        <v>65</v>
      </c>
      <c r="G144" s="80" t="s">
        <v>151</v>
      </c>
      <c r="H144" s="80" t="s">
        <v>186</v>
      </c>
      <c r="I144" s="80" t="s">
        <v>102</v>
      </c>
      <c r="J144" s="80" t="s">
        <v>103</v>
      </c>
      <c r="K144" s="80">
        <v>599298</v>
      </c>
      <c r="L144" s="80" t="s">
        <v>104</v>
      </c>
      <c r="M144" s="80" t="s">
        <v>104</v>
      </c>
      <c r="N144" s="80" t="s">
        <v>105</v>
      </c>
      <c r="O144" s="80" t="s">
        <v>148</v>
      </c>
      <c r="P144" s="80" t="s">
        <v>153</v>
      </c>
      <c r="Q144" s="80" t="s">
        <v>108</v>
      </c>
      <c r="R144" s="80" t="s">
        <v>109</v>
      </c>
      <c r="S144" s="80" t="s">
        <v>110</v>
      </c>
      <c r="T144" s="80" t="s">
        <v>104</v>
      </c>
      <c r="U144" s="80" t="s">
        <v>111</v>
      </c>
      <c r="V144" s="80" t="s">
        <v>189</v>
      </c>
      <c r="W144" s="80">
        <v>47</v>
      </c>
      <c r="X144" s="80" t="s">
        <v>124</v>
      </c>
      <c r="Y144" s="80" t="s">
        <v>174</v>
      </c>
      <c r="Z144" s="80" t="s">
        <v>104</v>
      </c>
      <c r="AA144" s="80" t="s">
        <v>119</v>
      </c>
      <c r="AB144" s="81" t="s">
        <v>305</v>
      </c>
    </row>
    <row r="145" spans="1:28">
      <c r="A145" s="78" t="s">
        <v>40</v>
      </c>
      <c r="B145" s="79">
        <v>45412</v>
      </c>
      <c r="C145" s="80" t="s">
        <v>57</v>
      </c>
      <c r="D145" s="80">
        <v>4</v>
      </c>
      <c r="E145" s="80">
        <v>2024</v>
      </c>
      <c r="F145" s="80" t="s">
        <v>65</v>
      </c>
      <c r="G145" s="80" t="s">
        <v>151</v>
      </c>
      <c r="H145" s="80" t="s">
        <v>186</v>
      </c>
      <c r="I145" s="80" t="s">
        <v>102</v>
      </c>
      <c r="J145" s="80" t="s">
        <v>103</v>
      </c>
      <c r="K145" s="80">
        <v>959733</v>
      </c>
      <c r="L145" s="80" t="s">
        <v>104</v>
      </c>
      <c r="M145" s="80" t="s">
        <v>104</v>
      </c>
      <c r="N145" s="80" t="s">
        <v>105</v>
      </c>
      <c r="O145" s="80" t="s">
        <v>106</v>
      </c>
      <c r="P145" s="80" t="s">
        <v>153</v>
      </c>
      <c r="Q145" s="80" t="s">
        <v>108</v>
      </c>
      <c r="R145" s="80" t="s">
        <v>109</v>
      </c>
      <c r="S145" s="80" t="s">
        <v>110</v>
      </c>
      <c r="T145" s="80" t="s">
        <v>104</v>
      </c>
      <c r="U145" s="80" t="s">
        <v>111</v>
      </c>
      <c r="V145" s="80" t="s">
        <v>190</v>
      </c>
      <c r="W145" s="80">
        <v>3</v>
      </c>
      <c r="X145" s="80" t="s">
        <v>124</v>
      </c>
      <c r="Y145" s="80" t="s">
        <v>174</v>
      </c>
      <c r="Z145" s="80" t="s">
        <v>104</v>
      </c>
      <c r="AA145" s="80" t="s">
        <v>119</v>
      </c>
      <c r="AB145" s="81" t="s">
        <v>297</v>
      </c>
    </row>
    <row r="146" spans="1:28">
      <c r="A146" s="78" t="s">
        <v>41</v>
      </c>
      <c r="B146" s="79">
        <v>45412</v>
      </c>
      <c r="C146" s="80" t="s">
        <v>57</v>
      </c>
      <c r="D146" s="80">
        <v>4</v>
      </c>
      <c r="E146" s="80">
        <v>2024</v>
      </c>
      <c r="F146" s="80" t="s">
        <v>65</v>
      </c>
      <c r="G146" s="80" t="s">
        <v>151</v>
      </c>
      <c r="H146" s="80" t="s">
        <v>186</v>
      </c>
      <c r="I146" s="80" t="s">
        <v>102</v>
      </c>
      <c r="J146" s="80" t="s">
        <v>103</v>
      </c>
      <c r="K146" s="80">
        <v>179219</v>
      </c>
      <c r="L146" s="80" t="s">
        <v>104</v>
      </c>
      <c r="M146" s="80" t="s">
        <v>104</v>
      </c>
      <c r="N146" s="80" t="s">
        <v>105</v>
      </c>
      <c r="O146" s="80" t="s">
        <v>156</v>
      </c>
      <c r="P146" s="80" t="s">
        <v>153</v>
      </c>
      <c r="Q146" s="80" t="s">
        <v>108</v>
      </c>
      <c r="R146" s="80" t="s">
        <v>109</v>
      </c>
      <c r="S146" s="80" t="s">
        <v>110</v>
      </c>
      <c r="T146" s="80" t="s">
        <v>104</v>
      </c>
      <c r="U146" s="80" t="s">
        <v>111</v>
      </c>
      <c r="V146" s="80" t="s">
        <v>191</v>
      </c>
      <c r="W146" s="80">
        <v>7</v>
      </c>
      <c r="X146" s="80" t="s">
        <v>124</v>
      </c>
      <c r="Y146" s="80" t="s">
        <v>174</v>
      </c>
      <c r="Z146" s="80" t="s">
        <v>104</v>
      </c>
      <c r="AA146" s="80" t="s">
        <v>119</v>
      </c>
      <c r="AB146" s="81" t="s">
        <v>298</v>
      </c>
    </row>
    <row r="147" spans="1:28" s="11" customFormat="1" hidden="1">
      <c r="A147" s="66" t="s">
        <v>41</v>
      </c>
      <c r="B147" s="63">
        <v>45777</v>
      </c>
      <c r="C147" s="67" t="s">
        <v>249</v>
      </c>
      <c r="D147" s="67">
        <v>4</v>
      </c>
      <c r="E147" s="67">
        <v>2025</v>
      </c>
      <c r="F147" s="67" t="s">
        <v>65</v>
      </c>
      <c r="G147" s="67" t="s">
        <v>151</v>
      </c>
      <c r="H147" s="67" t="s">
        <v>152</v>
      </c>
      <c r="I147" s="67" t="s">
        <v>204</v>
      </c>
      <c r="J147" s="67" t="s">
        <v>103</v>
      </c>
      <c r="K147" s="67">
        <v>224199</v>
      </c>
      <c r="L147" s="67" t="s">
        <v>104</v>
      </c>
      <c r="M147" s="67" t="s">
        <v>104</v>
      </c>
      <c r="N147" s="67" t="s">
        <v>105</v>
      </c>
      <c r="O147" s="67" t="s">
        <v>243</v>
      </c>
      <c r="P147" s="67" t="s">
        <v>244</v>
      </c>
      <c r="Q147" s="67" t="s">
        <v>108</v>
      </c>
      <c r="R147" s="67" t="s">
        <v>109</v>
      </c>
      <c r="S147" s="67" t="s">
        <v>110</v>
      </c>
      <c r="T147" s="67" t="s">
        <v>104</v>
      </c>
      <c r="U147" s="67" t="s">
        <v>111</v>
      </c>
      <c r="V147" s="67" t="s">
        <v>316</v>
      </c>
      <c r="W147" s="67">
        <v>17</v>
      </c>
      <c r="X147" s="67" t="s">
        <v>124</v>
      </c>
      <c r="Y147" s="67" t="s">
        <v>317</v>
      </c>
      <c r="Z147" s="67" t="s">
        <v>104</v>
      </c>
      <c r="AA147" s="67" t="s">
        <v>119</v>
      </c>
      <c r="AB147" s="68" t="s">
        <v>318</v>
      </c>
    </row>
    <row r="148" spans="1:28" s="11" customFormat="1" hidden="1">
      <c r="A148" s="62" t="s">
        <v>41</v>
      </c>
      <c r="B148" s="63">
        <v>45777</v>
      </c>
      <c r="C148" s="64" t="s">
        <v>319</v>
      </c>
      <c r="D148" s="64">
        <v>4</v>
      </c>
      <c r="E148" s="64">
        <v>2025</v>
      </c>
      <c r="F148" s="64" t="s">
        <v>65</v>
      </c>
      <c r="G148" s="64" t="s">
        <v>151</v>
      </c>
      <c r="H148" s="64" t="s">
        <v>203</v>
      </c>
      <c r="I148" s="64" t="s">
        <v>204</v>
      </c>
      <c r="J148" s="64" t="s">
        <v>205</v>
      </c>
      <c r="K148" s="64">
        <v>262522</v>
      </c>
      <c r="L148" s="64" t="s">
        <v>104</v>
      </c>
      <c r="M148" s="64" t="s">
        <v>104</v>
      </c>
      <c r="N148" s="64" t="s">
        <v>105</v>
      </c>
      <c r="O148" s="64" t="s">
        <v>243</v>
      </c>
      <c r="P148" s="64" t="s">
        <v>244</v>
      </c>
      <c r="Q148" s="64" t="s">
        <v>108</v>
      </c>
      <c r="R148" s="64" t="s">
        <v>109</v>
      </c>
      <c r="S148" s="64" t="s">
        <v>110</v>
      </c>
      <c r="T148" s="64" t="s">
        <v>104</v>
      </c>
      <c r="U148" s="64" t="s">
        <v>111</v>
      </c>
      <c r="V148" s="64" t="s">
        <v>320</v>
      </c>
      <c r="W148" s="64">
        <v>18</v>
      </c>
      <c r="X148" s="64" t="s">
        <v>208</v>
      </c>
      <c r="Y148" s="64" t="s">
        <v>209</v>
      </c>
      <c r="Z148" s="64" t="s">
        <v>104</v>
      </c>
      <c r="AA148" s="64" t="s">
        <v>104</v>
      </c>
      <c r="AB148" s="65" t="s">
        <v>203</v>
      </c>
    </row>
    <row r="149" spans="1:28" s="11" customFormat="1" hidden="1">
      <c r="A149" s="66" t="s">
        <v>41</v>
      </c>
      <c r="B149" s="63">
        <v>45777</v>
      </c>
      <c r="C149" s="67" t="s">
        <v>321</v>
      </c>
      <c r="D149" s="67">
        <v>4</v>
      </c>
      <c r="E149" s="67">
        <v>2025</v>
      </c>
      <c r="F149" s="67" t="s">
        <v>65</v>
      </c>
      <c r="G149" s="67" t="s">
        <v>151</v>
      </c>
      <c r="H149" s="67" t="s">
        <v>241</v>
      </c>
      <c r="I149" s="67" t="s">
        <v>204</v>
      </c>
      <c r="J149" s="67" t="s">
        <v>242</v>
      </c>
      <c r="K149" s="67">
        <v>-224199</v>
      </c>
      <c r="L149" s="67" t="s">
        <v>104</v>
      </c>
      <c r="M149" s="67" t="s">
        <v>104</v>
      </c>
      <c r="N149" s="67" t="s">
        <v>105</v>
      </c>
      <c r="O149" s="67" t="s">
        <v>243</v>
      </c>
      <c r="P149" s="67" t="s">
        <v>244</v>
      </c>
      <c r="Q149" s="67" t="s">
        <v>108</v>
      </c>
      <c r="R149" s="67" t="s">
        <v>109</v>
      </c>
      <c r="S149" s="67" t="s">
        <v>110</v>
      </c>
      <c r="T149" s="67" t="s">
        <v>104</v>
      </c>
      <c r="U149" s="67" t="s">
        <v>111</v>
      </c>
      <c r="V149" s="67" t="s">
        <v>322</v>
      </c>
      <c r="W149" s="67">
        <v>133</v>
      </c>
      <c r="X149" s="67" t="s">
        <v>246</v>
      </c>
      <c r="Y149" s="67" t="s">
        <v>209</v>
      </c>
      <c r="Z149" s="67" t="s">
        <v>104</v>
      </c>
      <c r="AA149" s="67" t="s">
        <v>104</v>
      </c>
      <c r="AB149" s="68" t="s">
        <v>241</v>
      </c>
    </row>
    <row r="150" spans="1:28">
      <c r="A150" s="78" t="s">
        <v>42</v>
      </c>
      <c r="B150" s="79">
        <v>45412</v>
      </c>
      <c r="C150" s="80" t="s">
        <v>57</v>
      </c>
      <c r="D150" s="80">
        <v>4</v>
      </c>
      <c r="E150" s="80">
        <v>2024</v>
      </c>
      <c r="F150" s="80" t="s">
        <v>65</v>
      </c>
      <c r="G150" s="80" t="s">
        <v>151</v>
      </c>
      <c r="H150" s="80" t="s">
        <v>186</v>
      </c>
      <c r="I150" s="80" t="s">
        <v>102</v>
      </c>
      <c r="J150" s="80" t="s">
        <v>103</v>
      </c>
      <c r="K150" s="80">
        <v>599298</v>
      </c>
      <c r="L150" s="80" t="s">
        <v>104</v>
      </c>
      <c r="M150" s="80" t="s">
        <v>104</v>
      </c>
      <c r="N150" s="80" t="s">
        <v>105</v>
      </c>
      <c r="O150" s="80" t="s">
        <v>148</v>
      </c>
      <c r="P150" s="80" t="s">
        <v>153</v>
      </c>
      <c r="Q150" s="80" t="s">
        <v>108</v>
      </c>
      <c r="R150" s="80" t="s">
        <v>109</v>
      </c>
      <c r="S150" s="80" t="s">
        <v>110</v>
      </c>
      <c r="T150" s="80" t="s">
        <v>104</v>
      </c>
      <c r="U150" s="80" t="s">
        <v>111</v>
      </c>
      <c r="V150" s="80" t="s">
        <v>192</v>
      </c>
      <c r="W150" s="80">
        <v>47</v>
      </c>
      <c r="X150" s="80" t="s">
        <v>124</v>
      </c>
      <c r="Y150" s="80" t="s">
        <v>174</v>
      </c>
      <c r="Z150" s="80" t="s">
        <v>104</v>
      </c>
      <c r="AA150" s="80" t="s">
        <v>119</v>
      </c>
      <c r="AB150" s="81" t="s">
        <v>305</v>
      </c>
    </row>
    <row r="151" spans="1:28">
      <c r="A151" s="78" t="s">
        <v>40</v>
      </c>
      <c r="B151" s="79">
        <v>45443</v>
      </c>
      <c r="C151" s="80" t="s">
        <v>57</v>
      </c>
      <c r="D151" s="80">
        <v>5</v>
      </c>
      <c r="E151" s="80">
        <v>2024</v>
      </c>
      <c r="F151" s="80" t="s">
        <v>65</v>
      </c>
      <c r="G151" s="80" t="s">
        <v>151</v>
      </c>
      <c r="H151" s="80" t="s">
        <v>186</v>
      </c>
      <c r="I151" s="80" t="s">
        <v>102</v>
      </c>
      <c r="J151" s="80" t="s">
        <v>103</v>
      </c>
      <c r="K151" s="80">
        <v>959733</v>
      </c>
      <c r="L151" s="80" t="s">
        <v>104</v>
      </c>
      <c r="M151" s="80" t="s">
        <v>104</v>
      </c>
      <c r="N151" s="80" t="s">
        <v>105</v>
      </c>
      <c r="O151" s="80" t="s">
        <v>106</v>
      </c>
      <c r="P151" s="80" t="s">
        <v>153</v>
      </c>
      <c r="Q151" s="80" t="s">
        <v>108</v>
      </c>
      <c r="R151" s="80" t="s">
        <v>109</v>
      </c>
      <c r="S151" s="80" t="s">
        <v>110</v>
      </c>
      <c r="T151" s="80" t="s">
        <v>104</v>
      </c>
      <c r="U151" s="80" t="s">
        <v>111</v>
      </c>
      <c r="V151" s="80" t="s">
        <v>193</v>
      </c>
      <c r="W151" s="80">
        <v>3</v>
      </c>
      <c r="X151" s="80" t="s">
        <v>124</v>
      </c>
      <c r="Y151" s="80" t="s">
        <v>194</v>
      </c>
      <c r="Z151" s="80" t="s">
        <v>104</v>
      </c>
      <c r="AA151" s="80" t="s">
        <v>119</v>
      </c>
      <c r="AB151" s="81" t="s">
        <v>297</v>
      </c>
    </row>
    <row r="152" spans="1:28">
      <c r="A152" s="78" t="s">
        <v>41</v>
      </c>
      <c r="B152" s="79">
        <v>45443</v>
      </c>
      <c r="C152" s="80" t="s">
        <v>57</v>
      </c>
      <c r="D152" s="80">
        <v>5</v>
      </c>
      <c r="E152" s="80">
        <v>2024</v>
      </c>
      <c r="F152" s="80" t="s">
        <v>65</v>
      </c>
      <c r="G152" s="80" t="s">
        <v>151</v>
      </c>
      <c r="H152" s="80" t="s">
        <v>186</v>
      </c>
      <c r="I152" s="80" t="s">
        <v>102</v>
      </c>
      <c r="J152" s="80" t="s">
        <v>103</v>
      </c>
      <c r="K152" s="80">
        <v>179219</v>
      </c>
      <c r="L152" s="80" t="s">
        <v>104</v>
      </c>
      <c r="M152" s="80" t="s">
        <v>104</v>
      </c>
      <c r="N152" s="80" t="s">
        <v>105</v>
      </c>
      <c r="O152" s="80" t="s">
        <v>156</v>
      </c>
      <c r="P152" s="80" t="s">
        <v>153</v>
      </c>
      <c r="Q152" s="80" t="s">
        <v>108</v>
      </c>
      <c r="R152" s="80" t="s">
        <v>109</v>
      </c>
      <c r="S152" s="80" t="s">
        <v>110</v>
      </c>
      <c r="T152" s="80" t="s">
        <v>104</v>
      </c>
      <c r="U152" s="80" t="s">
        <v>111</v>
      </c>
      <c r="V152" s="80" t="s">
        <v>195</v>
      </c>
      <c r="W152" s="80">
        <v>7</v>
      </c>
      <c r="X152" s="80" t="s">
        <v>124</v>
      </c>
      <c r="Y152" s="80" t="s">
        <v>194</v>
      </c>
      <c r="Z152" s="80" t="s">
        <v>104</v>
      </c>
      <c r="AA152" s="80" t="s">
        <v>119</v>
      </c>
      <c r="AB152" s="81" t="s">
        <v>298</v>
      </c>
    </row>
    <row r="153" spans="1:28" s="11" customFormat="1" hidden="1">
      <c r="A153" s="66" t="s">
        <v>41</v>
      </c>
      <c r="B153" s="63">
        <v>45808</v>
      </c>
      <c r="C153" s="67" t="s">
        <v>323</v>
      </c>
      <c r="D153" s="67">
        <v>5</v>
      </c>
      <c r="E153" s="67">
        <v>2025</v>
      </c>
      <c r="F153" s="67" t="s">
        <v>65</v>
      </c>
      <c r="G153" s="67" t="s">
        <v>151</v>
      </c>
      <c r="H153" s="67" t="s">
        <v>203</v>
      </c>
      <c r="I153" s="67" t="s">
        <v>204</v>
      </c>
      <c r="J153" s="67" t="s">
        <v>205</v>
      </c>
      <c r="K153" s="67">
        <v>262522</v>
      </c>
      <c r="L153" s="67" t="s">
        <v>104</v>
      </c>
      <c r="M153" s="67" t="s">
        <v>104</v>
      </c>
      <c r="N153" s="67" t="s">
        <v>105</v>
      </c>
      <c r="O153" s="67" t="s">
        <v>243</v>
      </c>
      <c r="P153" s="67" t="s">
        <v>244</v>
      </c>
      <c r="Q153" s="67" t="s">
        <v>108</v>
      </c>
      <c r="R153" s="67" t="s">
        <v>109</v>
      </c>
      <c r="S153" s="67" t="s">
        <v>110</v>
      </c>
      <c r="T153" s="67" t="s">
        <v>104</v>
      </c>
      <c r="U153" s="67" t="s">
        <v>111</v>
      </c>
      <c r="V153" s="67" t="s">
        <v>324</v>
      </c>
      <c r="W153" s="67">
        <v>22</v>
      </c>
      <c r="X153" s="67" t="s">
        <v>208</v>
      </c>
      <c r="Y153" s="67" t="s">
        <v>209</v>
      </c>
      <c r="Z153" s="67" t="s">
        <v>104</v>
      </c>
      <c r="AA153" s="67" t="s">
        <v>104</v>
      </c>
      <c r="AB153" s="68" t="s">
        <v>203</v>
      </c>
    </row>
    <row r="154" spans="1:28" s="11" customFormat="1" hidden="1">
      <c r="A154" s="62" t="s">
        <v>41</v>
      </c>
      <c r="B154" s="63">
        <v>45808</v>
      </c>
      <c r="C154" s="64" t="s">
        <v>249</v>
      </c>
      <c r="D154" s="64">
        <v>5</v>
      </c>
      <c r="E154" s="64">
        <v>2025</v>
      </c>
      <c r="F154" s="64" t="s">
        <v>65</v>
      </c>
      <c r="G154" s="64" t="s">
        <v>151</v>
      </c>
      <c r="H154" s="64" t="s">
        <v>152</v>
      </c>
      <c r="I154" s="64" t="s">
        <v>204</v>
      </c>
      <c r="J154" s="64" t="s">
        <v>103</v>
      </c>
      <c r="K154" s="64">
        <v>224199</v>
      </c>
      <c r="L154" s="64" t="s">
        <v>104</v>
      </c>
      <c r="M154" s="64" t="s">
        <v>104</v>
      </c>
      <c r="N154" s="64" t="s">
        <v>105</v>
      </c>
      <c r="O154" s="64" t="s">
        <v>243</v>
      </c>
      <c r="P154" s="64" t="s">
        <v>244</v>
      </c>
      <c r="Q154" s="64" t="s">
        <v>108</v>
      </c>
      <c r="R154" s="64" t="s">
        <v>109</v>
      </c>
      <c r="S154" s="64" t="s">
        <v>110</v>
      </c>
      <c r="T154" s="64" t="s">
        <v>104</v>
      </c>
      <c r="U154" s="64" t="s">
        <v>111</v>
      </c>
      <c r="V154" s="64" t="s">
        <v>325</v>
      </c>
      <c r="W154" s="64">
        <v>17</v>
      </c>
      <c r="X154" s="64" t="s">
        <v>113</v>
      </c>
      <c r="Y154" s="64" t="s">
        <v>174</v>
      </c>
      <c r="Z154" s="64" t="s">
        <v>104</v>
      </c>
      <c r="AA154" s="64" t="s">
        <v>119</v>
      </c>
      <c r="AB154" s="65" t="s">
        <v>300</v>
      </c>
    </row>
    <row r="155" spans="1:28" s="11" customFormat="1" hidden="1">
      <c r="A155" s="66" t="s">
        <v>41</v>
      </c>
      <c r="B155" s="63">
        <v>45808</v>
      </c>
      <c r="C155" s="67" t="s">
        <v>326</v>
      </c>
      <c r="D155" s="67">
        <v>5</v>
      </c>
      <c r="E155" s="67">
        <v>2025</v>
      </c>
      <c r="F155" s="67" t="s">
        <v>65</v>
      </c>
      <c r="G155" s="67" t="s">
        <v>151</v>
      </c>
      <c r="H155" s="67" t="s">
        <v>241</v>
      </c>
      <c r="I155" s="67" t="s">
        <v>204</v>
      </c>
      <c r="J155" s="67" t="s">
        <v>242</v>
      </c>
      <c r="K155" s="67">
        <v>-224199</v>
      </c>
      <c r="L155" s="67" t="s">
        <v>104</v>
      </c>
      <c r="M155" s="67" t="s">
        <v>104</v>
      </c>
      <c r="N155" s="67" t="s">
        <v>105</v>
      </c>
      <c r="O155" s="67" t="s">
        <v>243</v>
      </c>
      <c r="P155" s="67" t="s">
        <v>244</v>
      </c>
      <c r="Q155" s="67" t="s">
        <v>108</v>
      </c>
      <c r="R155" s="67" t="s">
        <v>109</v>
      </c>
      <c r="S155" s="67" t="s">
        <v>110</v>
      </c>
      <c r="T155" s="67" t="s">
        <v>104</v>
      </c>
      <c r="U155" s="67" t="s">
        <v>111</v>
      </c>
      <c r="V155" s="67" t="s">
        <v>327</v>
      </c>
      <c r="W155" s="67">
        <v>162</v>
      </c>
      <c r="X155" s="67" t="s">
        <v>246</v>
      </c>
      <c r="Y155" s="67" t="s">
        <v>209</v>
      </c>
      <c r="Z155" s="67" t="s">
        <v>104</v>
      </c>
      <c r="AA155" s="67" t="s">
        <v>104</v>
      </c>
      <c r="AB155" s="68" t="s">
        <v>241</v>
      </c>
    </row>
    <row r="156" spans="1:28">
      <c r="A156" s="78" t="s">
        <v>42</v>
      </c>
      <c r="B156" s="79">
        <v>45443</v>
      </c>
      <c r="C156" s="80" t="s">
        <v>57</v>
      </c>
      <c r="D156" s="80">
        <v>5</v>
      </c>
      <c r="E156" s="80">
        <v>2024</v>
      </c>
      <c r="F156" s="80" t="s">
        <v>65</v>
      </c>
      <c r="G156" s="80" t="s">
        <v>151</v>
      </c>
      <c r="H156" s="80" t="s">
        <v>186</v>
      </c>
      <c r="I156" s="80" t="s">
        <v>102</v>
      </c>
      <c r="J156" s="80" t="s">
        <v>103</v>
      </c>
      <c r="K156" s="80">
        <v>599298</v>
      </c>
      <c r="L156" s="80" t="s">
        <v>104</v>
      </c>
      <c r="M156" s="80" t="s">
        <v>104</v>
      </c>
      <c r="N156" s="80" t="s">
        <v>105</v>
      </c>
      <c r="O156" s="80" t="s">
        <v>148</v>
      </c>
      <c r="P156" s="80" t="s">
        <v>153</v>
      </c>
      <c r="Q156" s="80" t="s">
        <v>108</v>
      </c>
      <c r="R156" s="80" t="s">
        <v>109</v>
      </c>
      <c r="S156" s="80" t="s">
        <v>110</v>
      </c>
      <c r="T156" s="80" t="s">
        <v>104</v>
      </c>
      <c r="U156" s="80" t="s">
        <v>111</v>
      </c>
      <c r="V156" s="80" t="s">
        <v>196</v>
      </c>
      <c r="W156" s="80">
        <v>47</v>
      </c>
      <c r="X156" s="80" t="s">
        <v>124</v>
      </c>
      <c r="Y156" s="80" t="s">
        <v>194</v>
      </c>
      <c r="Z156" s="80" t="s">
        <v>104</v>
      </c>
      <c r="AA156" s="80" t="s">
        <v>119</v>
      </c>
      <c r="AB156" s="81" t="s">
        <v>305</v>
      </c>
    </row>
    <row r="157" spans="1:28">
      <c r="A157" s="78" t="s">
        <v>40</v>
      </c>
      <c r="B157" s="79">
        <v>45473</v>
      </c>
      <c r="C157" s="80" t="s">
        <v>57</v>
      </c>
      <c r="D157" s="80">
        <v>6</v>
      </c>
      <c r="E157" s="80">
        <v>2024</v>
      </c>
      <c r="F157" s="80" t="s">
        <v>65</v>
      </c>
      <c r="G157" s="80" t="s">
        <v>151</v>
      </c>
      <c r="H157" s="80" t="s">
        <v>152</v>
      </c>
      <c r="I157" s="80" t="s">
        <v>102</v>
      </c>
      <c r="J157" s="80" t="s">
        <v>103</v>
      </c>
      <c r="K157" s="80">
        <v>959733</v>
      </c>
      <c r="L157" s="80" t="s">
        <v>104</v>
      </c>
      <c r="M157" s="80" t="s">
        <v>104</v>
      </c>
      <c r="N157" s="80" t="s">
        <v>105</v>
      </c>
      <c r="O157" s="80" t="s">
        <v>106</v>
      </c>
      <c r="P157" s="80" t="s">
        <v>153</v>
      </c>
      <c r="Q157" s="80" t="s">
        <v>108</v>
      </c>
      <c r="R157" s="80" t="s">
        <v>109</v>
      </c>
      <c r="S157" s="80" t="s">
        <v>110</v>
      </c>
      <c r="T157" s="80" t="s">
        <v>104</v>
      </c>
      <c r="U157" s="80" t="s">
        <v>111</v>
      </c>
      <c r="V157" s="80" t="s">
        <v>197</v>
      </c>
      <c r="W157" s="80">
        <v>3</v>
      </c>
      <c r="X157" s="80" t="s">
        <v>113</v>
      </c>
      <c r="Y157" s="80" t="s">
        <v>114</v>
      </c>
      <c r="Z157" s="80" t="s">
        <v>104</v>
      </c>
      <c r="AA157" s="80" t="s">
        <v>119</v>
      </c>
      <c r="AB157" s="81" t="s">
        <v>297</v>
      </c>
    </row>
    <row r="158" spans="1:28">
      <c r="A158" s="78" t="s">
        <v>41</v>
      </c>
      <c r="B158" s="79">
        <v>45473</v>
      </c>
      <c r="C158" s="80" t="s">
        <v>57</v>
      </c>
      <c r="D158" s="80">
        <v>6</v>
      </c>
      <c r="E158" s="80">
        <v>2024</v>
      </c>
      <c r="F158" s="80" t="s">
        <v>65</v>
      </c>
      <c r="G158" s="80" t="s">
        <v>151</v>
      </c>
      <c r="H158" s="80" t="s">
        <v>152</v>
      </c>
      <c r="I158" s="80" t="s">
        <v>102</v>
      </c>
      <c r="J158" s="80" t="s">
        <v>103</v>
      </c>
      <c r="K158" s="80">
        <v>179219</v>
      </c>
      <c r="L158" s="80" t="s">
        <v>104</v>
      </c>
      <c r="M158" s="80" t="s">
        <v>104</v>
      </c>
      <c r="N158" s="80" t="s">
        <v>105</v>
      </c>
      <c r="O158" s="80" t="s">
        <v>156</v>
      </c>
      <c r="P158" s="80" t="s">
        <v>153</v>
      </c>
      <c r="Q158" s="80" t="s">
        <v>108</v>
      </c>
      <c r="R158" s="80" t="s">
        <v>109</v>
      </c>
      <c r="S158" s="80" t="s">
        <v>110</v>
      </c>
      <c r="T158" s="80" t="s">
        <v>104</v>
      </c>
      <c r="U158" s="80" t="s">
        <v>111</v>
      </c>
      <c r="V158" s="80" t="s">
        <v>198</v>
      </c>
      <c r="W158" s="80">
        <v>7</v>
      </c>
      <c r="X158" s="80" t="s">
        <v>113</v>
      </c>
      <c r="Y158" s="80" t="s">
        <v>114</v>
      </c>
      <c r="Z158" s="80" t="s">
        <v>104</v>
      </c>
      <c r="AA158" s="80" t="s">
        <v>119</v>
      </c>
      <c r="AB158" s="81" t="s">
        <v>298</v>
      </c>
    </row>
    <row r="159" spans="1:28" s="11" customFormat="1" hidden="1">
      <c r="A159" s="66" t="s">
        <v>41</v>
      </c>
      <c r="B159" s="63">
        <v>45838</v>
      </c>
      <c r="C159" s="67" t="s">
        <v>328</v>
      </c>
      <c r="D159" s="67">
        <v>6</v>
      </c>
      <c r="E159" s="67">
        <v>2025</v>
      </c>
      <c r="F159" s="67" t="s">
        <v>65</v>
      </c>
      <c r="G159" s="67" t="s">
        <v>151</v>
      </c>
      <c r="H159" s="67" t="s">
        <v>241</v>
      </c>
      <c r="I159" s="67" t="s">
        <v>204</v>
      </c>
      <c r="J159" s="67" t="s">
        <v>242</v>
      </c>
      <c r="K159" s="67">
        <v>-224193.87</v>
      </c>
      <c r="L159" s="67" t="s">
        <v>104</v>
      </c>
      <c r="M159" s="67" t="s">
        <v>104</v>
      </c>
      <c r="N159" s="67" t="s">
        <v>105</v>
      </c>
      <c r="O159" s="67" t="s">
        <v>243</v>
      </c>
      <c r="P159" s="67" t="s">
        <v>244</v>
      </c>
      <c r="Q159" s="67" t="s">
        <v>108</v>
      </c>
      <c r="R159" s="67" t="s">
        <v>109</v>
      </c>
      <c r="S159" s="67" t="s">
        <v>110</v>
      </c>
      <c r="T159" s="67" t="s">
        <v>104</v>
      </c>
      <c r="U159" s="67" t="s">
        <v>111</v>
      </c>
      <c r="V159" s="67" t="s">
        <v>329</v>
      </c>
      <c r="W159" s="67">
        <v>129</v>
      </c>
      <c r="X159" s="67" t="s">
        <v>246</v>
      </c>
      <c r="Y159" s="67" t="s">
        <v>209</v>
      </c>
      <c r="Z159" s="67" t="s">
        <v>104</v>
      </c>
      <c r="AA159" s="67" t="s">
        <v>104</v>
      </c>
      <c r="AB159" s="68" t="s">
        <v>241</v>
      </c>
    </row>
    <row r="160" spans="1:28" s="11" customFormat="1" hidden="1">
      <c r="A160" s="62" t="s">
        <v>41</v>
      </c>
      <c r="B160" s="63">
        <v>45838</v>
      </c>
      <c r="C160" s="64" t="s">
        <v>330</v>
      </c>
      <c r="D160" s="64">
        <v>6</v>
      </c>
      <c r="E160" s="64">
        <v>2025</v>
      </c>
      <c r="F160" s="64" t="s">
        <v>65</v>
      </c>
      <c r="G160" s="64" t="s">
        <v>151</v>
      </c>
      <c r="H160" s="64" t="s">
        <v>203</v>
      </c>
      <c r="I160" s="64" t="s">
        <v>204</v>
      </c>
      <c r="J160" s="64" t="s">
        <v>205</v>
      </c>
      <c r="K160" s="64">
        <v>262517.38</v>
      </c>
      <c r="L160" s="64" t="s">
        <v>104</v>
      </c>
      <c r="M160" s="64" t="s">
        <v>104</v>
      </c>
      <c r="N160" s="64" t="s">
        <v>105</v>
      </c>
      <c r="O160" s="64" t="s">
        <v>243</v>
      </c>
      <c r="P160" s="64" t="s">
        <v>244</v>
      </c>
      <c r="Q160" s="64" t="s">
        <v>108</v>
      </c>
      <c r="R160" s="64" t="s">
        <v>109</v>
      </c>
      <c r="S160" s="64" t="s">
        <v>110</v>
      </c>
      <c r="T160" s="64" t="s">
        <v>104</v>
      </c>
      <c r="U160" s="64" t="s">
        <v>111</v>
      </c>
      <c r="V160" s="64" t="s">
        <v>331</v>
      </c>
      <c r="W160" s="64">
        <v>22</v>
      </c>
      <c r="X160" s="64" t="s">
        <v>208</v>
      </c>
      <c r="Y160" s="64" t="s">
        <v>209</v>
      </c>
      <c r="Z160" s="64" t="s">
        <v>104</v>
      </c>
      <c r="AA160" s="64" t="s">
        <v>104</v>
      </c>
      <c r="AB160" s="65" t="s">
        <v>203</v>
      </c>
    </row>
    <row r="161" spans="1:28" s="11" customFormat="1" hidden="1">
      <c r="A161" s="66" t="s">
        <v>41</v>
      </c>
      <c r="B161" s="63">
        <v>45838</v>
      </c>
      <c r="C161" s="67" t="s">
        <v>249</v>
      </c>
      <c r="D161" s="67">
        <v>6</v>
      </c>
      <c r="E161" s="67">
        <v>2025</v>
      </c>
      <c r="F161" s="67" t="s">
        <v>65</v>
      </c>
      <c r="G161" s="67" t="s">
        <v>151</v>
      </c>
      <c r="H161" s="67" t="s">
        <v>152</v>
      </c>
      <c r="I161" s="67" t="s">
        <v>204</v>
      </c>
      <c r="J161" s="67" t="s">
        <v>103</v>
      </c>
      <c r="K161" s="67">
        <v>224193.87</v>
      </c>
      <c r="L161" s="67" t="s">
        <v>104</v>
      </c>
      <c r="M161" s="67" t="s">
        <v>104</v>
      </c>
      <c r="N161" s="67" t="s">
        <v>105</v>
      </c>
      <c r="O161" s="67" t="s">
        <v>243</v>
      </c>
      <c r="P161" s="67" t="s">
        <v>244</v>
      </c>
      <c r="Q161" s="67" t="s">
        <v>108</v>
      </c>
      <c r="R161" s="67" t="s">
        <v>109</v>
      </c>
      <c r="S161" s="67" t="s">
        <v>110</v>
      </c>
      <c r="T161" s="67" t="s">
        <v>104</v>
      </c>
      <c r="U161" s="67" t="s">
        <v>111</v>
      </c>
      <c r="V161" s="67" t="s">
        <v>332</v>
      </c>
      <c r="W161" s="67">
        <v>17</v>
      </c>
      <c r="X161" s="67" t="s">
        <v>113</v>
      </c>
      <c r="Y161" s="67" t="s">
        <v>114</v>
      </c>
      <c r="Z161" s="67" t="s">
        <v>104</v>
      </c>
      <c r="AA161" s="67" t="s">
        <v>119</v>
      </c>
      <c r="AB161" s="68" t="s">
        <v>300</v>
      </c>
    </row>
    <row r="162" spans="1:28">
      <c r="A162" s="78" t="s">
        <v>42</v>
      </c>
      <c r="B162" s="79">
        <v>45473</v>
      </c>
      <c r="C162" s="80" t="s">
        <v>57</v>
      </c>
      <c r="D162" s="80">
        <v>6</v>
      </c>
      <c r="E162" s="80">
        <v>2024</v>
      </c>
      <c r="F162" s="80" t="s">
        <v>65</v>
      </c>
      <c r="G162" s="80" t="s">
        <v>151</v>
      </c>
      <c r="H162" s="80" t="s">
        <v>152</v>
      </c>
      <c r="I162" s="80" t="s">
        <v>102</v>
      </c>
      <c r="J162" s="80" t="s">
        <v>103</v>
      </c>
      <c r="K162" s="80">
        <v>599298</v>
      </c>
      <c r="L162" s="80" t="s">
        <v>104</v>
      </c>
      <c r="M162" s="80" t="s">
        <v>104</v>
      </c>
      <c r="N162" s="80" t="s">
        <v>105</v>
      </c>
      <c r="O162" s="80" t="s">
        <v>148</v>
      </c>
      <c r="P162" s="80" t="s">
        <v>153</v>
      </c>
      <c r="Q162" s="80" t="s">
        <v>108</v>
      </c>
      <c r="R162" s="80" t="s">
        <v>109</v>
      </c>
      <c r="S162" s="80" t="s">
        <v>110</v>
      </c>
      <c r="T162" s="80" t="s">
        <v>104</v>
      </c>
      <c r="U162" s="80" t="s">
        <v>111</v>
      </c>
      <c r="V162" s="80" t="s">
        <v>199</v>
      </c>
      <c r="W162" s="80">
        <v>47</v>
      </c>
      <c r="X162" s="80" t="s">
        <v>113</v>
      </c>
      <c r="Y162" s="80" t="s">
        <v>114</v>
      </c>
      <c r="Z162" s="80" t="s">
        <v>104</v>
      </c>
      <c r="AA162" s="80" t="s">
        <v>119</v>
      </c>
      <c r="AB162" s="81" t="s">
        <v>305</v>
      </c>
    </row>
    <row r="163" spans="1:28">
      <c r="A163" s="78" t="s">
        <v>40</v>
      </c>
      <c r="B163" s="79">
        <v>45504</v>
      </c>
      <c r="C163" s="80" t="s">
        <v>57</v>
      </c>
      <c r="D163" s="80">
        <v>7</v>
      </c>
      <c r="E163" s="80">
        <v>2024</v>
      </c>
      <c r="F163" s="80" t="s">
        <v>65</v>
      </c>
      <c r="G163" s="80" t="s">
        <v>151</v>
      </c>
      <c r="H163" s="80" t="s">
        <v>152</v>
      </c>
      <c r="I163" s="80" t="s">
        <v>102</v>
      </c>
      <c r="J163" s="80" t="s">
        <v>103</v>
      </c>
      <c r="K163" s="80">
        <v>959733</v>
      </c>
      <c r="L163" s="80" t="s">
        <v>104</v>
      </c>
      <c r="M163" s="80" t="s">
        <v>104</v>
      </c>
      <c r="N163" s="80" t="s">
        <v>105</v>
      </c>
      <c r="O163" s="80" t="s">
        <v>106</v>
      </c>
      <c r="P163" s="80" t="s">
        <v>153</v>
      </c>
      <c r="Q163" s="80" t="s">
        <v>108</v>
      </c>
      <c r="R163" s="80" t="s">
        <v>109</v>
      </c>
      <c r="S163" s="80" t="s">
        <v>110</v>
      </c>
      <c r="T163" s="80" t="s">
        <v>104</v>
      </c>
      <c r="U163" s="80" t="s">
        <v>111</v>
      </c>
      <c r="V163" s="80" t="s">
        <v>200</v>
      </c>
      <c r="W163" s="80">
        <v>3</v>
      </c>
      <c r="X163" s="80" t="s">
        <v>113</v>
      </c>
      <c r="Y163" s="80" t="s">
        <v>114</v>
      </c>
      <c r="Z163" s="80" t="s">
        <v>104</v>
      </c>
      <c r="AA163" s="80" t="s">
        <v>119</v>
      </c>
      <c r="AB163" s="81" t="s">
        <v>297</v>
      </c>
    </row>
    <row r="164" spans="1:28" s="11" customFormat="1" hidden="1">
      <c r="A164" s="62" t="s">
        <v>40</v>
      </c>
      <c r="B164" s="63">
        <v>45504</v>
      </c>
      <c r="C164" s="64" t="s">
        <v>249</v>
      </c>
      <c r="D164" s="64">
        <v>7</v>
      </c>
      <c r="E164" s="64">
        <v>2024</v>
      </c>
      <c r="F164" s="64" t="s">
        <v>65</v>
      </c>
      <c r="G164" s="64" t="s">
        <v>151</v>
      </c>
      <c r="H164" s="64" t="s">
        <v>152</v>
      </c>
      <c r="I164" s="64" t="s">
        <v>204</v>
      </c>
      <c r="J164" s="64" t="s">
        <v>103</v>
      </c>
      <c r="K164" s="64">
        <v>2030</v>
      </c>
      <c r="L164" s="64" t="s">
        <v>104</v>
      </c>
      <c r="M164" s="64" t="s">
        <v>104</v>
      </c>
      <c r="N164" s="64" t="s">
        <v>105</v>
      </c>
      <c r="O164" s="64" t="s">
        <v>106</v>
      </c>
      <c r="P164" s="64" t="s">
        <v>153</v>
      </c>
      <c r="Q164" s="64" t="s">
        <v>108</v>
      </c>
      <c r="R164" s="64" t="s">
        <v>109</v>
      </c>
      <c r="S164" s="64" t="s">
        <v>110</v>
      </c>
      <c r="T164" s="64" t="s">
        <v>104</v>
      </c>
      <c r="U164" s="64" t="s">
        <v>111</v>
      </c>
      <c r="V164" s="64" t="s">
        <v>333</v>
      </c>
      <c r="W164" s="64">
        <v>9</v>
      </c>
      <c r="X164" s="64" t="s">
        <v>113</v>
      </c>
      <c r="Y164" s="64" t="s">
        <v>114</v>
      </c>
      <c r="Z164" s="64" t="s">
        <v>104</v>
      </c>
      <c r="AA164" s="64" t="s">
        <v>119</v>
      </c>
      <c r="AB164" s="65" t="s">
        <v>334</v>
      </c>
    </row>
    <row r="165" spans="1:28">
      <c r="A165" s="78" t="s">
        <v>41</v>
      </c>
      <c r="B165" s="79">
        <v>45504</v>
      </c>
      <c r="C165" s="80" t="s">
        <v>57</v>
      </c>
      <c r="D165" s="80">
        <v>7</v>
      </c>
      <c r="E165" s="80">
        <v>2024</v>
      </c>
      <c r="F165" s="80" t="s">
        <v>65</v>
      </c>
      <c r="G165" s="80" t="s">
        <v>151</v>
      </c>
      <c r="H165" s="80" t="s">
        <v>152</v>
      </c>
      <c r="I165" s="80" t="s">
        <v>102</v>
      </c>
      <c r="J165" s="80" t="s">
        <v>103</v>
      </c>
      <c r="K165" s="80">
        <v>179219</v>
      </c>
      <c r="L165" s="80" t="s">
        <v>104</v>
      </c>
      <c r="M165" s="80" t="s">
        <v>104</v>
      </c>
      <c r="N165" s="80" t="s">
        <v>105</v>
      </c>
      <c r="O165" s="80" t="s">
        <v>156</v>
      </c>
      <c r="P165" s="80" t="s">
        <v>153</v>
      </c>
      <c r="Q165" s="80" t="s">
        <v>108</v>
      </c>
      <c r="R165" s="80" t="s">
        <v>109</v>
      </c>
      <c r="S165" s="80" t="s">
        <v>110</v>
      </c>
      <c r="T165" s="80" t="s">
        <v>104</v>
      </c>
      <c r="U165" s="80" t="s">
        <v>111</v>
      </c>
      <c r="V165" s="80" t="s">
        <v>201</v>
      </c>
      <c r="W165" s="80">
        <v>7</v>
      </c>
      <c r="X165" s="80" t="s">
        <v>113</v>
      </c>
      <c r="Y165" s="80" t="s">
        <v>114</v>
      </c>
      <c r="Z165" s="80" t="s">
        <v>104</v>
      </c>
      <c r="AA165" s="80" t="s">
        <v>119</v>
      </c>
      <c r="AB165" s="81" t="s">
        <v>298</v>
      </c>
    </row>
    <row r="166" spans="1:28" s="11" customFormat="1" hidden="1">
      <c r="A166" s="62" t="s">
        <v>41</v>
      </c>
      <c r="B166" s="63">
        <v>45504</v>
      </c>
      <c r="C166" s="64" t="s">
        <v>249</v>
      </c>
      <c r="D166" s="64">
        <v>7</v>
      </c>
      <c r="E166" s="64">
        <v>2024</v>
      </c>
      <c r="F166" s="64" t="s">
        <v>65</v>
      </c>
      <c r="G166" s="64" t="s">
        <v>151</v>
      </c>
      <c r="H166" s="64" t="s">
        <v>152</v>
      </c>
      <c r="I166" s="64" t="s">
        <v>204</v>
      </c>
      <c r="J166" s="64" t="s">
        <v>103</v>
      </c>
      <c r="K166" s="64">
        <v>230217</v>
      </c>
      <c r="L166" s="64" t="s">
        <v>104</v>
      </c>
      <c r="M166" s="64" t="s">
        <v>104</v>
      </c>
      <c r="N166" s="64" t="s">
        <v>105</v>
      </c>
      <c r="O166" s="64" t="s">
        <v>243</v>
      </c>
      <c r="P166" s="64" t="s">
        <v>244</v>
      </c>
      <c r="Q166" s="64" t="s">
        <v>108</v>
      </c>
      <c r="R166" s="64" t="s">
        <v>109</v>
      </c>
      <c r="S166" s="64" t="s">
        <v>110</v>
      </c>
      <c r="T166" s="64" t="s">
        <v>104</v>
      </c>
      <c r="U166" s="64" t="s">
        <v>111</v>
      </c>
      <c r="V166" s="64" t="s">
        <v>335</v>
      </c>
      <c r="W166" s="64">
        <v>21</v>
      </c>
      <c r="X166" s="64" t="s">
        <v>113</v>
      </c>
      <c r="Y166" s="64" t="s">
        <v>114</v>
      </c>
      <c r="Z166" s="64" t="s">
        <v>104</v>
      </c>
      <c r="AA166" s="64" t="s">
        <v>119</v>
      </c>
      <c r="AB166" s="65" t="s">
        <v>300</v>
      </c>
    </row>
    <row r="167" spans="1:28" s="11" customFormat="1" hidden="1">
      <c r="A167" s="66" t="s">
        <v>41</v>
      </c>
      <c r="B167" s="63">
        <v>45504</v>
      </c>
      <c r="C167" s="67" t="s">
        <v>202</v>
      </c>
      <c r="D167" s="67">
        <v>7</v>
      </c>
      <c r="E167" s="67">
        <v>2024</v>
      </c>
      <c r="F167" s="67" t="s">
        <v>65</v>
      </c>
      <c r="G167" s="67" t="s">
        <v>151</v>
      </c>
      <c r="H167" s="67" t="s">
        <v>203</v>
      </c>
      <c r="I167" s="67" t="s">
        <v>204</v>
      </c>
      <c r="J167" s="67" t="s">
        <v>205</v>
      </c>
      <c r="K167" s="67">
        <v>269060.5</v>
      </c>
      <c r="L167" s="67" t="s">
        <v>104</v>
      </c>
      <c r="M167" s="67" t="s">
        <v>104</v>
      </c>
      <c r="N167" s="67" t="s">
        <v>105</v>
      </c>
      <c r="O167" s="67" t="s">
        <v>243</v>
      </c>
      <c r="P167" s="67" t="s">
        <v>244</v>
      </c>
      <c r="Q167" s="67" t="s">
        <v>108</v>
      </c>
      <c r="R167" s="67" t="s">
        <v>109</v>
      </c>
      <c r="S167" s="67" t="s">
        <v>110</v>
      </c>
      <c r="T167" s="67" t="s">
        <v>104</v>
      </c>
      <c r="U167" s="67" t="s">
        <v>111</v>
      </c>
      <c r="V167" s="67" t="s">
        <v>207</v>
      </c>
      <c r="W167" s="67">
        <v>21</v>
      </c>
      <c r="X167" s="67" t="s">
        <v>208</v>
      </c>
      <c r="Y167" s="67" t="s">
        <v>209</v>
      </c>
      <c r="Z167" s="67" t="s">
        <v>104</v>
      </c>
      <c r="AA167" s="67" t="s">
        <v>104</v>
      </c>
      <c r="AB167" s="68" t="s">
        <v>203</v>
      </c>
    </row>
    <row r="168" spans="1:28" s="11" customFormat="1" hidden="1">
      <c r="A168" s="62" t="s">
        <v>41</v>
      </c>
      <c r="B168" s="63">
        <v>45504</v>
      </c>
      <c r="C168" s="64" t="s">
        <v>336</v>
      </c>
      <c r="D168" s="64">
        <v>7</v>
      </c>
      <c r="E168" s="64">
        <v>2024</v>
      </c>
      <c r="F168" s="64" t="s">
        <v>65</v>
      </c>
      <c r="G168" s="64" t="s">
        <v>151</v>
      </c>
      <c r="H168" s="64" t="s">
        <v>241</v>
      </c>
      <c r="I168" s="64" t="s">
        <v>204</v>
      </c>
      <c r="J168" s="64" t="s">
        <v>242</v>
      </c>
      <c r="K168" s="64">
        <v>-230217</v>
      </c>
      <c r="L168" s="64" t="s">
        <v>104</v>
      </c>
      <c r="M168" s="64" t="s">
        <v>104</v>
      </c>
      <c r="N168" s="64" t="s">
        <v>105</v>
      </c>
      <c r="O168" s="64" t="s">
        <v>243</v>
      </c>
      <c r="P168" s="64" t="s">
        <v>244</v>
      </c>
      <c r="Q168" s="64" t="s">
        <v>108</v>
      </c>
      <c r="R168" s="64" t="s">
        <v>109</v>
      </c>
      <c r="S168" s="64" t="s">
        <v>110</v>
      </c>
      <c r="T168" s="64" t="s">
        <v>104</v>
      </c>
      <c r="U168" s="64" t="s">
        <v>111</v>
      </c>
      <c r="V168" s="64" t="s">
        <v>337</v>
      </c>
      <c r="W168" s="64">
        <v>129</v>
      </c>
      <c r="X168" s="64" t="s">
        <v>246</v>
      </c>
      <c r="Y168" s="64" t="s">
        <v>209</v>
      </c>
      <c r="Z168" s="64" t="s">
        <v>104</v>
      </c>
      <c r="AA168" s="64" t="s">
        <v>104</v>
      </c>
      <c r="AB168" s="65" t="s">
        <v>241</v>
      </c>
    </row>
    <row r="169" spans="1:28">
      <c r="A169" s="78" t="s">
        <v>42</v>
      </c>
      <c r="B169" s="79">
        <v>45504</v>
      </c>
      <c r="C169" s="80" t="s">
        <v>57</v>
      </c>
      <c r="D169" s="80">
        <v>7</v>
      </c>
      <c r="E169" s="80">
        <v>2024</v>
      </c>
      <c r="F169" s="80" t="s">
        <v>65</v>
      </c>
      <c r="G169" s="80" t="s">
        <v>151</v>
      </c>
      <c r="H169" s="80" t="s">
        <v>152</v>
      </c>
      <c r="I169" s="80" t="s">
        <v>102</v>
      </c>
      <c r="J169" s="80" t="s">
        <v>103</v>
      </c>
      <c r="K169" s="80">
        <v>599298</v>
      </c>
      <c r="L169" s="80" t="s">
        <v>104</v>
      </c>
      <c r="M169" s="80" t="s">
        <v>104</v>
      </c>
      <c r="N169" s="80" t="s">
        <v>105</v>
      </c>
      <c r="O169" s="80" t="s">
        <v>148</v>
      </c>
      <c r="P169" s="80" t="s">
        <v>153</v>
      </c>
      <c r="Q169" s="80" t="s">
        <v>108</v>
      </c>
      <c r="R169" s="80" t="s">
        <v>109</v>
      </c>
      <c r="S169" s="80" t="s">
        <v>110</v>
      </c>
      <c r="T169" s="80" t="s">
        <v>104</v>
      </c>
      <c r="U169" s="80" t="s">
        <v>111</v>
      </c>
      <c r="V169" s="80" t="s">
        <v>210</v>
      </c>
      <c r="W169" s="80">
        <v>47</v>
      </c>
      <c r="X169" s="80" t="s">
        <v>113</v>
      </c>
      <c r="Y169" s="80" t="s">
        <v>114</v>
      </c>
      <c r="Z169" s="80" t="s">
        <v>104</v>
      </c>
      <c r="AA169" s="80" t="s">
        <v>119</v>
      </c>
      <c r="AB169" s="81" t="s">
        <v>305</v>
      </c>
    </row>
    <row r="170" spans="1:28" s="11" customFormat="1" hidden="1">
      <c r="A170" s="62" t="s">
        <v>40</v>
      </c>
      <c r="B170" s="63">
        <v>45530</v>
      </c>
      <c r="C170" s="64" t="s">
        <v>338</v>
      </c>
      <c r="D170" s="64">
        <v>8</v>
      </c>
      <c r="E170" s="64">
        <v>2024</v>
      </c>
      <c r="F170" s="64" t="s">
        <v>65</v>
      </c>
      <c r="G170" s="64" t="s">
        <v>151</v>
      </c>
      <c r="H170" s="64" t="s">
        <v>339</v>
      </c>
      <c r="I170" s="64" t="s">
        <v>102</v>
      </c>
      <c r="J170" s="64" t="s">
        <v>103</v>
      </c>
      <c r="K170" s="64">
        <v>305.57</v>
      </c>
      <c r="L170" s="64" t="s">
        <v>104</v>
      </c>
      <c r="M170" s="64" t="s">
        <v>104</v>
      </c>
      <c r="N170" s="64" t="s">
        <v>105</v>
      </c>
      <c r="O170" s="64" t="s">
        <v>106</v>
      </c>
      <c r="P170" s="64" t="s">
        <v>153</v>
      </c>
      <c r="Q170" s="64" t="s">
        <v>108</v>
      </c>
      <c r="R170" s="64" t="s">
        <v>109</v>
      </c>
      <c r="S170" s="64" t="s">
        <v>110</v>
      </c>
      <c r="T170" s="64" t="s">
        <v>104</v>
      </c>
      <c r="U170" s="64" t="s">
        <v>111</v>
      </c>
      <c r="V170" s="64" t="s">
        <v>340</v>
      </c>
      <c r="W170" s="64">
        <v>2</v>
      </c>
      <c r="X170" s="64" t="s">
        <v>113</v>
      </c>
      <c r="Y170" s="64" t="s">
        <v>114</v>
      </c>
      <c r="Z170" s="64" t="s">
        <v>104</v>
      </c>
      <c r="AA170" s="64" t="s">
        <v>115</v>
      </c>
      <c r="AB170" s="65" t="s">
        <v>341</v>
      </c>
    </row>
    <row r="171" spans="1:28">
      <c r="A171" s="78" t="s">
        <v>40</v>
      </c>
      <c r="B171" s="79">
        <v>45535</v>
      </c>
      <c r="C171" s="80" t="s">
        <v>57</v>
      </c>
      <c r="D171" s="80">
        <v>8</v>
      </c>
      <c r="E171" s="80">
        <v>2024</v>
      </c>
      <c r="F171" s="80" t="s">
        <v>65</v>
      </c>
      <c r="G171" s="80" t="s">
        <v>151</v>
      </c>
      <c r="H171" s="80" t="s">
        <v>152</v>
      </c>
      <c r="I171" s="80" t="s">
        <v>102</v>
      </c>
      <c r="J171" s="80" t="s">
        <v>103</v>
      </c>
      <c r="K171" s="80">
        <v>959733</v>
      </c>
      <c r="L171" s="80" t="s">
        <v>104</v>
      </c>
      <c r="M171" s="80" t="s">
        <v>104</v>
      </c>
      <c r="N171" s="80" t="s">
        <v>105</v>
      </c>
      <c r="O171" s="80" t="s">
        <v>106</v>
      </c>
      <c r="P171" s="80" t="s">
        <v>153</v>
      </c>
      <c r="Q171" s="80" t="s">
        <v>108</v>
      </c>
      <c r="R171" s="80" t="s">
        <v>109</v>
      </c>
      <c r="S171" s="80" t="s">
        <v>110</v>
      </c>
      <c r="T171" s="80" t="s">
        <v>104</v>
      </c>
      <c r="U171" s="80" t="s">
        <v>111</v>
      </c>
      <c r="V171" s="80" t="s">
        <v>211</v>
      </c>
      <c r="W171" s="80">
        <v>3</v>
      </c>
      <c r="X171" s="80" t="s">
        <v>113</v>
      </c>
      <c r="Y171" s="80" t="s">
        <v>114</v>
      </c>
      <c r="Z171" s="80" t="s">
        <v>104</v>
      </c>
      <c r="AA171" s="80" t="s">
        <v>119</v>
      </c>
      <c r="AB171" s="81" t="s">
        <v>297</v>
      </c>
    </row>
    <row r="172" spans="1:28">
      <c r="A172" s="78" t="s">
        <v>41</v>
      </c>
      <c r="B172" s="79">
        <v>45535</v>
      </c>
      <c r="C172" s="80" t="s">
        <v>57</v>
      </c>
      <c r="D172" s="80">
        <v>8</v>
      </c>
      <c r="E172" s="80">
        <v>2024</v>
      </c>
      <c r="F172" s="80" t="s">
        <v>65</v>
      </c>
      <c r="G172" s="80" t="s">
        <v>151</v>
      </c>
      <c r="H172" s="80" t="s">
        <v>152</v>
      </c>
      <c r="I172" s="80" t="s">
        <v>102</v>
      </c>
      <c r="J172" s="80" t="s">
        <v>103</v>
      </c>
      <c r="K172" s="80">
        <v>179219</v>
      </c>
      <c r="L172" s="80" t="s">
        <v>104</v>
      </c>
      <c r="M172" s="80" t="s">
        <v>104</v>
      </c>
      <c r="N172" s="80" t="s">
        <v>105</v>
      </c>
      <c r="O172" s="80" t="s">
        <v>156</v>
      </c>
      <c r="P172" s="80" t="s">
        <v>153</v>
      </c>
      <c r="Q172" s="80" t="s">
        <v>108</v>
      </c>
      <c r="R172" s="80" t="s">
        <v>109</v>
      </c>
      <c r="S172" s="80" t="s">
        <v>110</v>
      </c>
      <c r="T172" s="80" t="s">
        <v>104</v>
      </c>
      <c r="U172" s="80" t="s">
        <v>111</v>
      </c>
      <c r="V172" s="80" t="s">
        <v>212</v>
      </c>
      <c r="W172" s="80">
        <v>7</v>
      </c>
      <c r="X172" s="80" t="s">
        <v>113</v>
      </c>
      <c r="Y172" s="80" t="s">
        <v>114</v>
      </c>
      <c r="Z172" s="80" t="s">
        <v>104</v>
      </c>
      <c r="AA172" s="80" t="s">
        <v>119</v>
      </c>
      <c r="AB172" s="81" t="s">
        <v>298</v>
      </c>
    </row>
    <row r="173" spans="1:28" s="11" customFormat="1" hidden="1">
      <c r="A173" s="66" t="s">
        <v>41</v>
      </c>
      <c r="B173" s="63">
        <v>45535</v>
      </c>
      <c r="C173" s="67" t="s">
        <v>342</v>
      </c>
      <c r="D173" s="67">
        <v>8</v>
      </c>
      <c r="E173" s="67">
        <v>2024</v>
      </c>
      <c r="F173" s="67" t="s">
        <v>65</v>
      </c>
      <c r="G173" s="67" t="s">
        <v>151</v>
      </c>
      <c r="H173" s="67" t="s">
        <v>203</v>
      </c>
      <c r="I173" s="67" t="s">
        <v>204</v>
      </c>
      <c r="J173" s="67" t="s">
        <v>205</v>
      </c>
      <c r="K173" s="67">
        <v>269060.5</v>
      </c>
      <c r="L173" s="67" t="s">
        <v>104</v>
      </c>
      <c r="M173" s="67" t="s">
        <v>104</v>
      </c>
      <c r="N173" s="67" t="s">
        <v>105</v>
      </c>
      <c r="O173" s="67" t="s">
        <v>243</v>
      </c>
      <c r="P173" s="67" t="s">
        <v>244</v>
      </c>
      <c r="Q173" s="67" t="s">
        <v>108</v>
      </c>
      <c r="R173" s="67" t="s">
        <v>109</v>
      </c>
      <c r="S173" s="67" t="s">
        <v>110</v>
      </c>
      <c r="T173" s="67" t="s">
        <v>104</v>
      </c>
      <c r="U173" s="67" t="s">
        <v>111</v>
      </c>
      <c r="V173" s="67" t="s">
        <v>343</v>
      </c>
      <c r="W173" s="67">
        <v>20</v>
      </c>
      <c r="X173" s="67" t="s">
        <v>208</v>
      </c>
      <c r="Y173" s="67" t="s">
        <v>209</v>
      </c>
      <c r="Z173" s="67" t="s">
        <v>104</v>
      </c>
      <c r="AA173" s="67" t="s">
        <v>104</v>
      </c>
      <c r="AB173" s="68" t="s">
        <v>203</v>
      </c>
    </row>
    <row r="174" spans="1:28" s="11" customFormat="1" hidden="1">
      <c r="A174" s="62" t="s">
        <v>41</v>
      </c>
      <c r="B174" s="63">
        <v>45535</v>
      </c>
      <c r="C174" s="64" t="s">
        <v>344</v>
      </c>
      <c r="D174" s="64">
        <v>8</v>
      </c>
      <c r="E174" s="64">
        <v>2024</v>
      </c>
      <c r="F174" s="64" t="s">
        <v>65</v>
      </c>
      <c r="G174" s="64" t="s">
        <v>151</v>
      </c>
      <c r="H174" s="64" t="s">
        <v>241</v>
      </c>
      <c r="I174" s="64" t="s">
        <v>204</v>
      </c>
      <c r="J174" s="64" t="s">
        <v>242</v>
      </c>
      <c r="K174" s="64">
        <v>-230217</v>
      </c>
      <c r="L174" s="64" t="s">
        <v>104</v>
      </c>
      <c r="M174" s="64" t="s">
        <v>104</v>
      </c>
      <c r="N174" s="64" t="s">
        <v>105</v>
      </c>
      <c r="O174" s="64" t="s">
        <v>243</v>
      </c>
      <c r="P174" s="64" t="s">
        <v>244</v>
      </c>
      <c r="Q174" s="64" t="s">
        <v>108</v>
      </c>
      <c r="R174" s="64" t="s">
        <v>109</v>
      </c>
      <c r="S174" s="64" t="s">
        <v>110</v>
      </c>
      <c r="T174" s="64" t="s">
        <v>104</v>
      </c>
      <c r="U174" s="64" t="s">
        <v>111</v>
      </c>
      <c r="V174" s="64" t="s">
        <v>345</v>
      </c>
      <c r="W174" s="64">
        <v>116</v>
      </c>
      <c r="X174" s="64" t="s">
        <v>246</v>
      </c>
      <c r="Y174" s="64" t="s">
        <v>209</v>
      </c>
      <c r="Z174" s="64" t="s">
        <v>104</v>
      </c>
      <c r="AA174" s="64" t="s">
        <v>104</v>
      </c>
      <c r="AB174" s="65" t="s">
        <v>241</v>
      </c>
    </row>
    <row r="175" spans="1:28" s="11" customFormat="1" hidden="1">
      <c r="A175" s="66" t="s">
        <v>41</v>
      </c>
      <c r="B175" s="63">
        <v>45535</v>
      </c>
      <c r="C175" s="67" t="s">
        <v>249</v>
      </c>
      <c r="D175" s="67">
        <v>8</v>
      </c>
      <c r="E175" s="67">
        <v>2024</v>
      </c>
      <c r="F175" s="67" t="s">
        <v>65</v>
      </c>
      <c r="G175" s="67" t="s">
        <v>151</v>
      </c>
      <c r="H175" s="67" t="s">
        <v>152</v>
      </c>
      <c r="I175" s="67" t="s">
        <v>204</v>
      </c>
      <c r="J175" s="67" t="s">
        <v>103</v>
      </c>
      <c r="K175" s="67">
        <v>230217</v>
      </c>
      <c r="L175" s="67" t="s">
        <v>104</v>
      </c>
      <c r="M175" s="67" t="s">
        <v>104</v>
      </c>
      <c r="N175" s="67" t="s">
        <v>105</v>
      </c>
      <c r="O175" s="67" t="s">
        <v>243</v>
      </c>
      <c r="P175" s="67" t="s">
        <v>244</v>
      </c>
      <c r="Q175" s="67" t="s">
        <v>108</v>
      </c>
      <c r="R175" s="67" t="s">
        <v>109</v>
      </c>
      <c r="S175" s="67" t="s">
        <v>110</v>
      </c>
      <c r="T175" s="67" t="s">
        <v>104</v>
      </c>
      <c r="U175" s="67" t="s">
        <v>111</v>
      </c>
      <c r="V175" s="67" t="s">
        <v>346</v>
      </c>
      <c r="W175" s="67">
        <v>19</v>
      </c>
      <c r="X175" s="67" t="s">
        <v>113</v>
      </c>
      <c r="Y175" s="67" t="s">
        <v>114</v>
      </c>
      <c r="Z175" s="67" t="s">
        <v>104</v>
      </c>
      <c r="AA175" s="67" t="s">
        <v>119</v>
      </c>
      <c r="AB175" s="68" t="s">
        <v>300</v>
      </c>
    </row>
    <row r="176" spans="1:28">
      <c r="A176" s="78" t="s">
        <v>42</v>
      </c>
      <c r="B176" s="79">
        <v>45535</v>
      </c>
      <c r="C176" s="80" t="s">
        <v>57</v>
      </c>
      <c r="D176" s="80">
        <v>8</v>
      </c>
      <c r="E176" s="80">
        <v>2024</v>
      </c>
      <c r="F176" s="80" t="s">
        <v>65</v>
      </c>
      <c r="G176" s="80" t="s">
        <v>151</v>
      </c>
      <c r="H176" s="80" t="s">
        <v>152</v>
      </c>
      <c r="I176" s="80" t="s">
        <v>102</v>
      </c>
      <c r="J176" s="80" t="s">
        <v>103</v>
      </c>
      <c r="K176" s="80">
        <v>599298</v>
      </c>
      <c r="L176" s="80" t="s">
        <v>104</v>
      </c>
      <c r="M176" s="80" t="s">
        <v>104</v>
      </c>
      <c r="N176" s="80" t="s">
        <v>105</v>
      </c>
      <c r="O176" s="80" t="s">
        <v>148</v>
      </c>
      <c r="P176" s="80" t="s">
        <v>153</v>
      </c>
      <c r="Q176" s="80" t="s">
        <v>108</v>
      </c>
      <c r="R176" s="80" t="s">
        <v>109</v>
      </c>
      <c r="S176" s="80" t="s">
        <v>110</v>
      </c>
      <c r="T176" s="80" t="s">
        <v>104</v>
      </c>
      <c r="U176" s="80" t="s">
        <v>111</v>
      </c>
      <c r="V176" s="80" t="s">
        <v>213</v>
      </c>
      <c r="W176" s="80">
        <v>47</v>
      </c>
      <c r="X176" s="80" t="s">
        <v>113</v>
      </c>
      <c r="Y176" s="80" t="s">
        <v>114</v>
      </c>
      <c r="Z176" s="80" t="s">
        <v>104</v>
      </c>
      <c r="AA176" s="80" t="s">
        <v>119</v>
      </c>
      <c r="AB176" s="81" t="s">
        <v>305</v>
      </c>
    </row>
    <row r="177" spans="1:28" s="11" customFormat="1" hidden="1">
      <c r="A177" s="66" t="s">
        <v>40</v>
      </c>
      <c r="B177" s="63">
        <v>45564</v>
      </c>
      <c r="C177" s="67" t="s">
        <v>249</v>
      </c>
      <c r="D177" s="67">
        <v>9</v>
      </c>
      <c r="E177" s="67">
        <v>2024</v>
      </c>
      <c r="F177" s="67" t="s">
        <v>65</v>
      </c>
      <c r="G177" s="67" t="s">
        <v>151</v>
      </c>
      <c r="H177" s="67" t="s">
        <v>347</v>
      </c>
      <c r="I177" s="67" t="s">
        <v>204</v>
      </c>
      <c r="J177" s="67" t="s">
        <v>103</v>
      </c>
      <c r="K177" s="67">
        <v>-51.36</v>
      </c>
      <c r="L177" s="67" t="s">
        <v>104</v>
      </c>
      <c r="M177" s="67" t="s">
        <v>104</v>
      </c>
      <c r="N177" s="67" t="s">
        <v>105</v>
      </c>
      <c r="O177" s="67" t="s">
        <v>106</v>
      </c>
      <c r="P177" s="67" t="s">
        <v>153</v>
      </c>
      <c r="Q177" s="67" t="s">
        <v>108</v>
      </c>
      <c r="R177" s="67" t="s">
        <v>109</v>
      </c>
      <c r="S177" s="67" t="s">
        <v>110</v>
      </c>
      <c r="T177" s="67" t="s">
        <v>104</v>
      </c>
      <c r="U177" s="67" t="s">
        <v>111</v>
      </c>
      <c r="V177" s="67" t="s">
        <v>348</v>
      </c>
      <c r="W177" s="67">
        <v>1</v>
      </c>
      <c r="X177" s="67" t="s">
        <v>124</v>
      </c>
      <c r="Y177" s="67" t="s">
        <v>264</v>
      </c>
      <c r="Z177" s="67" t="s">
        <v>104</v>
      </c>
      <c r="AA177" s="67" t="s">
        <v>115</v>
      </c>
      <c r="AB177" s="68" t="s">
        <v>349</v>
      </c>
    </row>
    <row r="178" spans="1:28">
      <c r="A178" s="78" t="s">
        <v>40</v>
      </c>
      <c r="B178" s="79">
        <v>45565</v>
      </c>
      <c r="C178" s="80" t="s">
        <v>57</v>
      </c>
      <c r="D178" s="80">
        <v>9</v>
      </c>
      <c r="E178" s="80">
        <v>2024</v>
      </c>
      <c r="F178" s="80" t="s">
        <v>65</v>
      </c>
      <c r="G178" s="80" t="s">
        <v>151</v>
      </c>
      <c r="H178" s="80" t="s">
        <v>152</v>
      </c>
      <c r="I178" s="80" t="s">
        <v>102</v>
      </c>
      <c r="J178" s="80" t="s">
        <v>103</v>
      </c>
      <c r="K178" s="80">
        <v>959733</v>
      </c>
      <c r="L178" s="80" t="s">
        <v>104</v>
      </c>
      <c r="M178" s="80" t="s">
        <v>104</v>
      </c>
      <c r="N178" s="80" t="s">
        <v>105</v>
      </c>
      <c r="O178" s="80" t="s">
        <v>106</v>
      </c>
      <c r="P178" s="80" t="s">
        <v>153</v>
      </c>
      <c r="Q178" s="80" t="s">
        <v>108</v>
      </c>
      <c r="R178" s="80" t="s">
        <v>109</v>
      </c>
      <c r="S178" s="80" t="s">
        <v>110</v>
      </c>
      <c r="T178" s="80" t="s">
        <v>104</v>
      </c>
      <c r="U178" s="80" t="s">
        <v>111</v>
      </c>
      <c r="V178" s="80" t="s">
        <v>214</v>
      </c>
      <c r="W178" s="80">
        <v>3</v>
      </c>
      <c r="X178" s="80" t="s">
        <v>113</v>
      </c>
      <c r="Y178" s="80" t="s">
        <v>114</v>
      </c>
      <c r="Z178" s="80" t="s">
        <v>104</v>
      </c>
      <c r="AA178" s="80" t="s">
        <v>119</v>
      </c>
      <c r="AB178" s="81" t="s">
        <v>297</v>
      </c>
    </row>
    <row r="179" spans="1:28" s="11" customFormat="1" hidden="1">
      <c r="A179" s="66" t="s">
        <v>41</v>
      </c>
      <c r="B179" s="63">
        <v>45564</v>
      </c>
      <c r="C179" s="67" t="s">
        <v>249</v>
      </c>
      <c r="D179" s="67">
        <v>9</v>
      </c>
      <c r="E179" s="67">
        <v>2024</v>
      </c>
      <c r="F179" s="67" t="s">
        <v>65</v>
      </c>
      <c r="G179" s="67" t="s">
        <v>151</v>
      </c>
      <c r="H179" s="67" t="s">
        <v>347</v>
      </c>
      <c r="I179" s="67" t="s">
        <v>204</v>
      </c>
      <c r="J179" s="67" t="s">
        <v>103</v>
      </c>
      <c r="K179" s="67">
        <v>-12036.62</v>
      </c>
      <c r="L179" s="67" t="s">
        <v>104</v>
      </c>
      <c r="M179" s="67" t="s">
        <v>104</v>
      </c>
      <c r="N179" s="67" t="s">
        <v>105</v>
      </c>
      <c r="O179" s="67" t="s">
        <v>145</v>
      </c>
      <c r="P179" s="67" t="s">
        <v>153</v>
      </c>
      <c r="Q179" s="67" t="s">
        <v>108</v>
      </c>
      <c r="R179" s="67" t="s">
        <v>109</v>
      </c>
      <c r="S179" s="67" t="s">
        <v>110</v>
      </c>
      <c r="T179" s="67" t="s">
        <v>104</v>
      </c>
      <c r="U179" s="67" t="s">
        <v>111</v>
      </c>
      <c r="V179" s="67" t="s">
        <v>350</v>
      </c>
      <c r="W179" s="67">
        <v>3</v>
      </c>
      <c r="X179" s="67" t="s">
        <v>124</v>
      </c>
      <c r="Y179" s="67" t="s">
        <v>264</v>
      </c>
      <c r="Z179" s="67" t="s">
        <v>104</v>
      </c>
      <c r="AA179" s="67" t="s">
        <v>115</v>
      </c>
      <c r="AB179" s="68" t="s">
        <v>349</v>
      </c>
    </row>
    <row r="180" spans="1:28">
      <c r="A180" s="78" t="s">
        <v>41</v>
      </c>
      <c r="B180" s="79">
        <v>45565</v>
      </c>
      <c r="C180" s="80" t="s">
        <v>57</v>
      </c>
      <c r="D180" s="80">
        <v>9</v>
      </c>
      <c r="E180" s="80">
        <v>2024</v>
      </c>
      <c r="F180" s="80" t="s">
        <v>65</v>
      </c>
      <c r="G180" s="80" t="s">
        <v>151</v>
      </c>
      <c r="H180" s="80" t="s">
        <v>152</v>
      </c>
      <c r="I180" s="80" t="s">
        <v>102</v>
      </c>
      <c r="J180" s="80" t="s">
        <v>103</v>
      </c>
      <c r="K180" s="80">
        <v>179219</v>
      </c>
      <c r="L180" s="80" t="s">
        <v>104</v>
      </c>
      <c r="M180" s="80" t="s">
        <v>104</v>
      </c>
      <c r="N180" s="80" t="s">
        <v>105</v>
      </c>
      <c r="O180" s="80" t="s">
        <v>156</v>
      </c>
      <c r="P180" s="80" t="s">
        <v>153</v>
      </c>
      <c r="Q180" s="80" t="s">
        <v>108</v>
      </c>
      <c r="R180" s="80" t="s">
        <v>109</v>
      </c>
      <c r="S180" s="80" t="s">
        <v>110</v>
      </c>
      <c r="T180" s="80" t="s">
        <v>104</v>
      </c>
      <c r="U180" s="80" t="s">
        <v>111</v>
      </c>
      <c r="V180" s="80" t="s">
        <v>215</v>
      </c>
      <c r="W180" s="80">
        <v>7</v>
      </c>
      <c r="X180" s="80" t="s">
        <v>113</v>
      </c>
      <c r="Y180" s="80" t="s">
        <v>114</v>
      </c>
      <c r="Z180" s="80" t="s">
        <v>104</v>
      </c>
      <c r="AA180" s="80" t="s">
        <v>119</v>
      </c>
      <c r="AB180" s="81" t="s">
        <v>298</v>
      </c>
    </row>
    <row r="181" spans="1:28" s="11" customFormat="1" hidden="1">
      <c r="A181" s="66" t="s">
        <v>41</v>
      </c>
      <c r="B181" s="63">
        <v>45565</v>
      </c>
      <c r="C181" s="67" t="s">
        <v>351</v>
      </c>
      <c r="D181" s="67">
        <v>9</v>
      </c>
      <c r="E181" s="67">
        <v>2024</v>
      </c>
      <c r="F181" s="67" t="s">
        <v>65</v>
      </c>
      <c r="G181" s="67" t="s">
        <v>151</v>
      </c>
      <c r="H181" s="67" t="s">
        <v>203</v>
      </c>
      <c r="I181" s="67" t="s">
        <v>204</v>
      </c>
      <c r="J181" s="67" t="s">
        <v>205</v>
      </c>
      <c r="K181" s="67">
        <v>262522</v>
      </c>
      <c r="L181" s="67" t="s">
        <v>104</v>
      </c>
      <c r="M181" s="67" t="s">
        <v>104</v>
      </c>
      <c r="N181" s="67" t="s">
        <v>105</v>
      </c>
      <c r="O181" s="67" t="s">
        <v>243</v>
      </c>
      <c r="P181" s="67" t="s">
        <v>244</v>
      </c>
      <c r="Q181" s="67" t="s">
        <v>108</v>
      </c>
      <c r="R181" s="67" t="s">
        <v>109</v>
      </c>
      <c r="S181" s="67" t="s">
        <v>110</v>
      </c>
      <c r="T181" s="67" t="s">
        <v>104</v>
      </c>
      <c r="U181" s="67" t="s">
        <v>111</v>
      </c>
      <c r="V181" s="67" t="s">
        <v>352</v>
      </c>
      <c r="W181" s="67">
        <v>22</v>
      </c>
      <c r="X181" s="67" t="s">
        <v>208</v>
      </c>
      <c r="Y181" s="67" t="s">
        <v>209</v>
      </c>
      <c r="Z181" s="67" t="s">
        <v>104</v>
      </c>
      <c r="AA181" s="67" t="s">
        <v>104</v>
      </c>
      <c r="AB181" s="68" t="s">
        <v>203</v>
      </c>
    </row>
    <row r="182" spans="1:28" s="11" customFormat="1" hidden="1">
      <c r="A182" s="62" t="s">
        <v>41</v>
      </c>
      <c r="B182" s="63">
        <v>45565</v>
      </c>
      <c r="C182" s="64" t="s">
        <v>353</v>
      </c>
      <c r="D182" s="64">
        <v>9</v>
      </c>
      <c r="E182" s="64">
        <v>2024</v>
      </c>
      <c r="F182" s="64" t="s">
        <v>65</v>
      </c>
      <c r="G182" s="64" t="s">
        <v>151</v>
      </c>
      <c r="H182" s="64" t="s">
        <v>241</v>
      </c>
      <c r="I182" s="64" t="s">
        <v>204</v>
      </c>
      <c r="J182" s="64" t="s">
        <v>242</v>
      </c>
      <c r="K182" s="64">
        <v>-224199</v>
      </c>
      <c r="L182" s="64" t="s">
        <v>104</v>
      </c>
      <c r="M182" s="64" t="s">
        <v>104</v>
      </c>
      <c r="N182" s="64" t="s">
        <v>105</v>
      </c>
      <c r="O182" s="64" t="s">
        <v>243</v>
      </c>
      <c r="P182" s="64" t="s">
        <v>244</v>
      </c>
      <c r="Q182" s="64" t="s">
        <v>108</v>
      </c>
      <c r="R182" s="64" t="s">
        <v>109</v>
      </c>
      <c r="S182" s="64" t="s">
        <v>110</v>
      </c>
      <c r="T182" s="64" t="s">
        <v>104</v>
      </c>
      <c r="U182" s="64" t="s">
        <v>111</v>
      </c>
      <c r="V182" s="64" t="s">
        <v>354</v>
      </c>
      <c r="W182" s="64">
        <v>110</v>
      </c>
      <c r="X182" s="64" t="s">
        <v>246</v>
      </c>
      <c r="Y182" s="64" t="s">
        <v>209</v>
      </c>
      <c r="Z182" s="64" t="s">
        <v>104</v>
      </c>
      <c r="AA182" s="64" t="s">
        <v>104</v>
      </c>
      <c r="AB182" s="65" t="s">
        <v>241</v>
      </c>
    </row>
    <row r="183" spans="1:28" s="11" customFormat="1" hidden="1">
      <c r="A183" s="66" t="s">
        <v>41</v>
      </c>
      <c r="B183" s="63">
        <v>45565</v>
      </c>
      <c r="C183" s="67" t="s">
        <v>249</v>
      </c>
      <c r="D183" s="67">
        <v>9</v>
      </c>
      <c r="E183" s="67">
        <v>2024</v>
      </c>
      <c r="F183" s="67" t="s">
        <v>65</v>
      </c>
      <c r="G183" s="67" t="s">
        <v>151</v>
      </c>
      <c r="H183" s="67" t="s">
        <v>152</v>
      </c>
      <c r="I183" s="67" t="s">
        <v>204</v>
      </c>
      <c r="J183" s="67" t="s">
        <v>103</v>
      </c>
      <c r="K183" s="67">
        <v>224199</v>
      </c>
      <c r="L183" s="67" t="s">
        <v>104</v>
      </c>
      <c r="M183" s="67" t="s">
        <v>104</v>
      </c>
      <c r="N183" s="67" t="s">
        <v>105</v>
      </c>
      <c r="O183" s="67" t="s">
        <v>243</v>
      </c>
      <c r="P183" s="67" t="s">
        <v>244</v>
      </c>
      <c r="Q183" s="67" t="s">
        <v>108</v>
      </c>
      <c r="R183" s="67" t="s">
        <v>109</v>
      </c>
      <c r="S183" s="67" t="s">
        <v>110</v>
      </c>
      <c r="T183" s="67" t="s">
        <v>104</v>
      </c>
      <c r="U183" s="67" t="s">
        <v>111</v>
      </c>
      <c r="V183" s="67" t="s">
        <v>355</v>
      </c>
      <c r="W183" s="67">
        <v>19</v>
      </c>
      <c r="X183" s="67" t="s">
        <v>113</v>
      </c>
      <c r="Y183" s="67" t="s">
        <v>274</v>
      </c>
      <c r="Z183" s="67" t="s">
        <v>104</v>
      </c>
      <c r="AA183" s="67" t="s">
        <v>119</v>
      </c>
      <c r="AB183" s="68" t="s">
        <v>300</v>
      </c>
    </row>
    <row r="184" spans="1:28">
      <c r="A184" s="78" t="s">
        <v>42</v>
      </c>
      <c r="B184" s="79">
        <v>45565</v>
      </c>
      <c r="C184" s="80" t="s">
        <v>57</v>
      </c>
      <c r="D184" s="80">
        <v>9</v>
      </c>
      <c r="E184" s="80">
        <v>2024</v>
      </c>
      <c r="F184" s="80" t="s">
        <v>65</v>
      </c>
      <c r="G184" s="80" t="s">
        <v>151</v>
      </c>
      <c r="H184" s="80" t="s">
        <v>152</v>
      </c>
      <c r="I184" s="80" t="s">
        <v>102</v>
      </c>
      <c r="J184" s="80" t="s">
        <v>103</v>
      </c>
      <c r="K184" s="80">
        <v>599298</v>
      </c>
      <c r="L184" s="80" t="s">
        <v>104</v>
      </c>
      <c r="M184" s="80" t="s">
        <v>104</v>
      </c>
      <c r="N184" s="80" t="s">
        <v>105</v>
      </c>
      <c r="O184" s="80" t="s">
        <v>148</v>
      </c>
      <c r="P184" s="80" t="s">
        <v>153</v>
      </c>
      <c r="Q184" s="80" t="s">
        <v>108</v>
      </c>
      <c r="R184" s="80" t="s">
        <v>109</v>
      </c>
      <c r="S184" s="80" t="s">
        <v>110</v>
      </c>
      <c r="T184" s="80" t="s">
        <v>104</v>
      </c>
      <c r="U184" s="80" t="s">
        <v>111</v>
      </c>
      <c r="V184" s="80" t="s">
        <v>216</v>
      </c>
      <c r="W184" s="80">
        <v>47</v>
      </c>
      <c r="X184" s="80" t="s">
        <v>113</v>
      </c>
      <c r="Y184" s="80" t="s">
        <v>114</v>
      </c>
      <c r="Z184" s="80" t="s">
        <v>104</v>
      </c>
      <c r="AA184" s="80" t="s">
        <v>119</v>
      </c>
      <c r="AB184" s="81" t="s">
        <v>305</v>
      </c>
    </row>
    <row r="185" spans="1:28">
      <c r="A185" s="78" t="s">
        <v>40</v>
      </c>
      <c r="B185" s="79">
        <v>45596</v>
      </c>
      <c r="C185" s="80" t="s">
        <v>57</v>
      </c>
      <c r="D185" s="80">
        <v>10</v>
      </c>
      <c r="E185" s="80">
        <v>2024</v>
      </c>
      <c r="F185" s="80" t="s">
        <v>65</v>
      </c>
      <c r="G185" s="80" t="s">
        <v>151</v>
      </c>
      <c r="H185" s="80" t="s">
        <v>152</v>
      </c>
      <c r="I185" s="80" t="s">
        <v>102</v>
      </c>
      <c r="J185" s="80" t="s">
        <v>103</v>
      </c>
      <c r="K185" s="80">
        <v>959733</v>
      </c>
      <c r="L185" s="80" t="s">
        <v>104</v>
      </c>
      <c r="M185" s="80" t="s">
        <v>104</v>
      </c>
      <c r="N185" s="80" t="s">
        <v>105</v>
      </c>
      <c r="O185" s="80" t="s">
        <v>106</v>
      </c>
      <c r="P185" s="80" t="s">
        <v>153</v>
      </c>
      <c r="Q185" s="80" t="s">
        <v>108</v>
      </c>
      <c r="R185" s="80" t="s">
        <v>109</v>
      </c>
      <c r="S185" s="80" t="s">
        <v>110</v>
      </c>
      <c r="T185" s="80" t="s">
        <v>104</v>
      </c>
      <c r="U185" s="80" t="s">
        <v>111</v>
      </c>
      <c r="V185" s="80" t="s">
        <v>217</v>
      </c>
      <c r="W185" s="80">
        <v>3</v>
      </c>
      <c r="X185" s="80" t="s">
        <v>113</v>
      </c>
      <c r="Y185" s="80" t="s">
        <v>114</v>
      </c>
      <c r="Z185" s="80" t="s">
        <v>104</v>
      </c>
      <c r="AA185" s="80" t="s">
        <v>119</v>
      </c>
      <c r="AB185" s="81" t="s">
        <v>297</v>
      </c>
    </row>
    <row r="186" spans="1:28">
      <c r="A186" s="78" t="s">
        <v>41</v>
      </c>
      <c r="B186" s="79">
        <v>45596</v>
      </c>
      <c r="C186" s="80" t="s">
        <v>57</v>
      </c>
      <c r="D186" s="80">
        <v>10</v>
      </c>
      <c r="E186" s="80">
        <v>2024</v>
      </c>
      <c r="F186" s="80" t="s">
        <v>65</v>
      </c>
      <c r="G186" s="80" t="s">
        <v>151</v>
      </c>
      <c r="H186" s="80" t="s">
        <v>152</v>
      </c>
      <c r="I186" s="80" t="s">
        <v>102</v>
      </c>
      <c r="J186" s="80" t="s">
        <v>103</v>
      </c>
      <c r="K186" s="80">
        <v>179219</v>
      </c>
      <c r="L186" s="80" t="s">
        <v>104</v>
      </c>
      <c r="M186" s="80" t="s">
        <v>104</v>
      </c>
      <c r="N186" s="80" t="s">
        <v>105</v>
      </c>
      <c r="O186" s="80" t="s">
        <v>156</v>
      </c>
      <c r="P186" s="80" t="s">
        <v>153</v>
      </c>
      <c r="Q186" s="80" t="s">
        <v>108</v>
      </c>
      <c r="R186" s="80" t="s">
        <v>109</v>
      </c>
      <c r="S186" s="80" t="s">
        <v>110</v>
      </c>
      <c r="T186" s="80" t="s">
        <v>104</v>
      </c>
      <c r="U186" s="80" t="s">
        <v>111</v>
      </c>
      <c r="V186" s="80" t="s">
        <v>218</v>
      </c>
      <c r="W186" s="80">
        <v>7</v>
      </c>
      <c r="X186" s="80" t="s">
        <v>113</v>
      </c>
      <c r="Y186" s="80" t="s">
        <v>114</v>
      </c>
      <c r="Z186" s="80" t="s">
        <v>104</v>
      </c>
      <c r="AA186" s="80" t="s">
        <v>119</v>
      </c>
      <c r="AB186" s="81" t="s">
        <v>298</v>
      </c>
    </row>
    <row r="187" spans="1:28" s="11" customFormat="1" hidden="1">
      <c r="A187" s="66" t="s">
        <v>41</v>
      </c>
      <c r="B187" s="63">
        <v>45596</v>
      </c>
      <c r="C187" s="67" t="s">
        <v>356</v>
      </c>
      <c r="D187" s="67">
        <v>10</v>
      </c>
      <c r="E187" s="67">
        <v>2024</v>
      </c>
      <c r="F187" s="67" t="s">
        <v>65</v>
      </c>
      <c r="G187" s="67" t="s">
        <v>151</v>
      </c>
      <c r="H187" s="67" t="s">
        <v>203</v>
      </c>
      <c r="I187" s="67" t="s">
        <v>204</v>
      </c>
      <c r="J187" s="67" t="s">
        <v>205</v>
      </c>
      <c r="K187" s="67">
        <v>262522</v>
      </c>
      <c r="L187" s="67" t="s">
        <v>104</v>
      </c>
      <c r="M187" s="67" t="s">
        <v>104</v>
      </c>
      <c r="N187" s="67" t="s">
        <v>105</v>
      </c>
      <c r="O187" s="67" t="s">
        <v>243</v>
      </c>
      <c r="P187" s="67" t="s">
        <v>244</v>
      </c>
      <c r="Q187" s="67" t="s">
        <v>108</v>
      </c>
      <c r="R187" s="67" t="s">
        <v>109</v>
      </c>
      <c r="S187" s="67" t="s">
        <v>110</v>
      </c>
      <c r="T187" s="67" t="s">
        <v>104</v>
      </c>
      <c r="U187" s="67" t="s">
        <v>111</v>
      </c>
      <c r="V187" s="67" t="s">
        <v>357</v>
      </c>
      <c r="W187" s="67">
        <v>20</v>
      </c>
      <c r="X187" s="67" t="s">
        <v>208</v>
      </c>
      <c r="Y187" s="67" t="s">
        <v>209</v>
      </c>
      <c r="Z187" s="67" t="s">
        <v>104</v>
      </c>
      <c r="AA187" s="67" t="s">
        <v>104</v>
      </c>
      <c r="AB187" s="68" t="s">
        <v>203</v>
      </c>
    </row>
    <row r="188" spans="1:28" s="11" customFormat="1" hidden="1">
      <c r="A188" s="62" t="s">
        <v>41</v>
      </c>
      <c r="B188" s="63">
        <v>45596</v>
      </c>
      <c r="C188" s="64" t="s">
        <v>358</v>
      </c>
      <c r="D188" s="64">
        <v>10</v>
      </c>
      <c r="E188" s="64">
        <v>2024</v>
      </c>
      <c r="F188" s="64" t="s">
        <v>65</v>
      </c>
      <c r="G188" s="64" t="s">
        <v>151</v>
      </c>
      <c r="H188" s="64" t="s">
        <v>241</v>
      </c>
      <c r="I188" s="64" t="s">
        <v>204</v>
      </c>
      <c r="J188" s="64" t="s">
        <v>242</v>
      </c>
      <c r="K188" s="64">
        <v>-224199</v>
      </c>
      <c r="L188" s="64" t="s">
        <v>104</v>
      </c>
      <c r="M188" s="64" t="s">
        <v>104</v>
      </c>
      <c r="N188" s="64" t="s">
        <v>105</v>
      </c>
      <c r="O188" s="64" t="s">
        <v>243</v>
      </c>
      <c r="P188" s="64" t="s">
        <v>244</v>
      </c>
      <c r="Q188" s="64" t="s">
        <v>108</v>
      </c>
      <c r="R188" s="64" t="s">
        <v>109</v>
      </c>
      <c r="S188" s="64" t="s">
        <v>110</v>
      </c>
      <c r="T188" s="64" t="s">
        <v>104</v>
      </c>
      <c r="U188" s="64" t="s">
        <v>111</v>
      </c>
      <c r="V188" s="64" t="s">
        <v>359</v>
      </c>
      <c r="W188" s="64">
        <v>129</v>
      </c>
      <c r="X188" s="64" t="s">
        <v>246</v>
      </c>
      <c r="Y188" s="64" t="s">
        <v>209</v>
      </c>
      <c r="Z188" s="64" t="s">
        <v>104</v>
      </c>
      <c r="AA188" s="64" t="s">
        <v>104</v>
      </c>
      <c r="AB188" s="65" t="s">
        <v>241</v>
      </c>
    </row>
    <row r="189" spans="1:28" s="11" customFormat="1" hidden="1">
      <c r="A189" s="66" t="s">
        <v>41</v>
      </c>
      <c r="B189" s="63">
        <v>45596</v>
      </c>
      <c r="C189" s="67" t="s">
        <v>249</v>
      </c>
      <c r="D189" s="67">
        <v>10</v>
      </c>
      <c r="E189" s="67">
        <v>2024</v>
      </c>
      <c r="F189" s="67" t="s">
        <v>65</v>
      </c>
      <c r="G189" s="67" t="s">
        <v>151</v>
      </c>
      <c r="H189" s="67" t="s">
        <v>152</v>
      </c>
      <c r="I189" s="67" t="s">
        <v>204</v>
      </c>
      <c r="J189" s="67" t="s">
        <v>103</v>
      </c>
      <c r="K189" s="67">
        <v>224199</v>
      </c>
      <c r="L189" s="67" t="s">
        <v>104</v>
      </c>
      <c r="M189" s="67" t="s">
        <v>104</v>
      </c>
      <c r="N189" s="67" t="s">
        <v>105</v>
      </c>
      <c r="O189" s="67" t="s">
        <v>243</v>
      </c>
      <c r="P189" s="67" t="s">
        <v>244</v>
      </c>
      <c r="Q189" s="67" t="s">
        <v>108</v>
      </c>
      <c r="R189" s="67" t="s">
        <v>109</v>
      </c>
      <c r="S189" s="67" t="s">
        <v>110</v>
      </c>
      <c r="T189" s="67" t="s">
        <v>104</v>
      </c>
      <c r="U189" s="67" t="s">
        <v>111</v>
      </c>
      <c r="V189" s="67" t="s">
        <v>360</v>
      </c>
      <c r="W189" s="67">
        <v>19</v>
      </c>
      <c r="X189" s="67" t="s">
        <v>113</v>
      </c>
      <c r="Y189" s="67" t="s">
        <v>274</v>
      </c>
      <c r="Z189" s="67" t="s">
        <v>104</v>
      </c>
      <c r="AA189" s="67" t="s">
        <v>119</v>
      </c>
      <c r="AB189" s="68" t="s">
        <v>300</v>
      </c>
    </row>
    <row r="190" spans="1:28">
      <c r="A190" s="78" t="s">
        <v>42</v>
      </c>
      <c r="B190" s="79">
        <v>45596</v>
      </c>
      <c r="C190" s="80" t="s">
        <v>57</v>
      </c>
      <c r="D190" s="80">
        <v>10</v>
      </c>
      <c r="E190" s="80">
        <v>2024</v>
      </c>
      <c r="F190" s="80" t="s">
        <v>65</v>
      </c>
      <c r="G190" s="80" t="s">
        <v>151</v>
      </c>
      <c r="H190" s="80" t="s">
        <v>152</v>
      </c>
      <c r="I190" s="80" t="s">
        <v>102</v>
      </c>
      <c r="J190" s="80" t="s">
        <v>103</v>
      </c>
      <c r="K190" s="80">
        <v>599298</v>
      </c>
      <c r="L190" s="80" t="s">
        <v>104</v>
      </c>
      <c r="M190" s="80" t="s">
        <v>104</v>
      </c>
      <c r="N190" s="80" t="s">
        <v>105</v>
      </c>
      <c r="O190" s="80" t="s">
        <v>148</v>
      </c>
      <c r="P190" s="80" t="s">
        <v>153</v>
      </c>
      <c r="Q190" s="80" t="s">
        <v>108</v>
      </c>
      <c r="R190" s="80" t="s">
        <v>109</v>
      </c>
      <c r="S190" s="80" t="s">
        <v>110</v>
      </c>
      <c r="T190" s="80" t="s">
        <v>104</v>
      </c>
      <c r="U190" s="80" t="s">
        <v>111</v>
      </c>
      <c r="V190" s="80" t="s">
        <v>219</v>
      </c>
      <c r="W190" s="80">
        <v>47</v>
      </c>
      <c r="X190" s="80" t="s">
        <v>113</v>
      </c>
      <c r="Y190" s="80" t="s">
        <v>114</v>
      </c>
      <c r="Z190" s="80" t="s">
        <v>104</v>
      </c>
      <c r="AA190" s="80" t="s">
        <v>119</v>
      </c>
      <c r="AB190" s="81" t="s">
        <v>305</v>
      </c>
    </row>
    <row r="191" spans="1:28">
      <c r="A191" s="78" t="s">
        <v>40</v>
      </c>
      <c r="B191" s="79">
        <v>45626</v>
      </c>
      <c r="C191" s="80" t="s">
        <v>57</v>
      </c>
      <c r="D191" s="80">
        <v>11</v>
      </c>
      <c r="E191" s="80">
        <v>2024</v>
      </c>
      <c r="F191" s="80" t="s">
        <v>65</v>
      </c>
      <c r="G191" s="80" t="s">
        <v>151</v>
      </c>
      <c r="H191" s="80" t="s">
        <v>152</v>
      </c>
      <c r="I191" s="80" t="s">
        <v>102</v>
      </c>
      <c r="J191" s="80" t="s">
        <v>103</v>
      </c>
      <c r="K191" s="80">
        <v>959733</v>
      </c>
      <c r="L191" s="80" t="s">
        <v>104</v>
      </c>
      <c r="M191" s="80" t="s">
        <v>104</v>
      </c>
      <c r="N191" s="80" t="s">
        <v>105</v>
      </c>
      <c r="O191" s="80" t="s">
        <v>106</v>
      </c>
      <c r="P191" s="80" t="s">
        <v>153</v>
      </c>
      <c r="Q191" s="80" t="s">
        <v>108</v>
      </c>
      <c r="R191" s="80" t="s">
        <v>109</v>
      </c>
      <c r="S191" s="80" t="s">
        <v>110</v>
      </c>
      <c r="T191" s="80" t="s">
        <v>104</v>
      </c>
      <c r="U191" s="80" t="s">
        <v>111</v>
      </c>
      <c r="V191" s="80" t="s">
        <v>220</v>
      </c>
      <c r="W191" s="80">
        <v>3</v>
      </c>
      <c r="X191" s="80" t="s">
        <v>113</v>
      </c>
      <c r="Y191" s="80" t="s">
        <v>114</v>
      </c>
      <c r="Z191" s="80" t="s">
        <v>104</v>
      </c>
      <c r="AA191" s="80" t="s">
        <v>119</v>
      </c>
      <c r="AB191" s="81" t="s">
        <v>297</v>
      </c>
    </row>
    <row r="192" spans="1:28">
      <c r="A192" s="78" t="s">
        <v>41</v>
      </c>
      <c r="B192" s="79">
        <v>45626</v>
      </c>
      <c r="C192" s="80" t="s">
        <v>57</v>
      </c>
      <c r="D192" s="80">
        <v>11</v>
      </c>
      <c r="E192" s="80">
        <v>2024</v>
      </c>
      <c r="F192" s="80" t="s">
        <v>65</v>
      </c>
      <c r="G192" s="80" t="s">
        <v>151</v>
      </c>
      <c r="H192" s="80" t="s">
        <v>152</v>
      </c>
      <c r="I192" s="80" t="s">
        <v>102</v>
      </c>
      <c r="J192" s="80" t="s">
        <v>103</v>
      </c>
      <c r="K192" s="80">
        <v>179219</v>
      </c>
      <c r="L192" s="80" t="s">
        <v>104</v>
      </c>
      <c r="M192" s="80" t="s">
        <v>104</v>
      </c>
      <c r="N192" s="80" t="s">
        <v>105</v>
      </c>
      <c r="O192" s="80" t="s">
        <v>156</v>
      </c>
      <c r="P192" s="80" t="s">
        <v>153</v>
      </c>
      <c r="Q192" s="80" t="s">
        <v>108</v>
      </c>
      <c r="R192" s="80" t="s">
        <v>109</v>
      </c>
      <c r="S192" s="80" t="s">
        <v>110</v>
      </c>
      <c r="T192" s="80" t="s">
        <v>104</v>
      </c>
      <c r="U192" s="80" t="s">
        <v>111</v>
      </c>
      <c r="V192" s="80" t="s">
        <v>221</v>
      </c>
      <c r="W192" s="80">
        <v>7</v>
      </c>
      <c r="X192" s="80" t="s">
        <v>113</v>
      </c>
      <c r="Y192" s="80" t="s">
        <v>114</v>
      </c>
      <c r="Z192" s="80" t="s">
        <v>104</v>
      </c>
      <c r="AA192" s="80" t="s">
        <v>119</v>
      </c>
      <c r="AB192" s="81" t="s">
        <v>298</v>
      </c>
    </row>
    <row r="193" spans="1:28" s="11" customFormat="1" hidden="1">
      <c r="A193" s="66" t="s">
        <v>41</v>
      </c>
      <c r="B193" s="63">
        <v>45626</v>
      </c>
      <c r="C193" s="67" t="s">
        <v>249</v>
      </c>
      <c r="D193" s="67">
        <v>11</v>
      </c>
      <c r="E193" s="67">
        <v>2024</v>
      </c>
      <c r="F193" s="67" t="s">
        <v>65</v>
      </c>
      <c r="G193" s="67" t="s">
        <v>151</v>
      </c>
      <c r="H193" s="67" t="s">
        <v>152</v>
      </c>
      <c r="I193" s="67" t="s">
        <v>204</v>
      </c>
      <c r="J193" s="67" t="s">
        <v>103</v>
      </c>
      <c r="K193" s="67">
        <v>224199</v>
      </c>
      <c r="L193" s="67" t="s">
        <v>104</v>
      </c>
      <c r="M193" s="67" t="s">
        <v>104</v>
      </c>
      <c r="N193" s="67" t="s">
        <v>105</v>
      </c>
      <c r="O193" s="67" t="s">
        <v>243</v>
      </c>
      <c r="P193" s="67" t="s">
        <v>244</v>
      </c>
      <c r="Q193" s="67" t="s">
        <v>108</v>
      </c>
      <c r="R193" s="67" t="s">
        <v>109</v>
      </c>
      <c r="S193" s="67" t="s">
        <v>110</v>
      </c>
      <c r="T193" s="67" t="s">
        <v>104</v>
      </c>
      <c r="U193" s="67" t="s">
        <v>111</v>
      </c>
      <c r="V193" s="67" t="s">
        <v>361</v>
      </c>
      <c r="W193" s="67">
        <v>19</v>
      </c>
      <c r="X193" s="67" t="s">
        <v>113</v>
      </c>
      <c r="Y193" s="67" t="s">
        <v>114</v>
      </c>
      <c r="Z193" s="67" t="s">
        <v>104</v>
      </c>
      <c r="AA193" s="67" t="s">
        <v>119</v>
      </c>
      <c r="AB193" s="68" t="s">
        <v>300</v>
      </c>
    </row>
    <row r="194" spans="1:28" s="11" customFormat="1" hidden="1">
      <c r="A194" s="62" t="s">
        <v>41</v>
      </c>
      <c r="B194" s="63">
        <v>45626</v>
      </c>
      <c r="C194" s="64" t="s">
        <v>362</v>
      </c>
      <c r="D194" s="64">
        <v>11</v>
      </c>
      <c r="E194" s="64">
        <v>2024</v>
      </c>
      <c r="F194" s="64" t="s">
        <v>65</v>
      </c>
      <c r="G194" s="64" t="s">
        <v>151</v>
      </c>
      <c r="H194" s="64" t="s">
        <v>241</v>
      </c>
      <c r="I194" s="64" t="s">
        <v>204</v>
      </c>
      <c r="J194" s="64" t="s">
        <v>242</v>
      </c>
      <c r="K194" s="64">
        <v>-224199</v>
      </c>
      <c r="L194" s="64" t="s">
        <v>104</v>
      </c>
      <c r="M194" s="64" t="s">
        <v>104</v>
      </c>
      <c r="N194" s="64" t="s">
        <v>105</v>
      </c>
      <c r="O194" s="64" t="s">
        <v>243</v>
      </c>
      <c r="P194" s="64" t="s">
        <v>244</v>
      </c>
      <c r="Q194" s="64" t="s">
        <v>108</v>
      </c>
      <c r="R194" s="64" t="s">
        <v>109</v>
      </c>
      <c r="S194" s="64" t="s">
        <v>110</v>
      </c>
      <c r="T194" s="64" t="s">
        <v>104</v>
      </c>
      <c r="U194" s="64" t="s">
        <v>111</v>
      </c>
      <c r="V194" s="64" t="s">
        <v>363</v>
      </c>
      <c r="W194" s="64">
        <v>139</v>
      </c>
      <c r="X194" s="64" t="s">
        <v>246</v>
      </c>
      <c r="Y194" s="64" t="s">
        <v>209</v>
      </c>
      <c r="Z194" s="64" t="s">
        <v>104</v>
      </c>
      <c r="AA194" s="64" t="s">
        <v>104</v>
      </c>
      <c r="AB194" s="65" t="s">
        <v>241</v>
      </c>
    </row>
    <row r="195" spans="1:28" s="11" customFormat="1" hidden="1">
      <c r="A195" s="66" t="s">
        <v>41</v>
      </c>
      <c r="B195" s="63">
        <v>45626</v>
      </c>
      <c r="C195" s="67" t="s">
        <v>364</v>
      </c>
      <c r="D195" s="67">
        <v>11</v>
      </c>
      <c r="E195" s="67">
        <v>2024</v>
      </c>
      <c r="F195" s="67" t="s">
        <v>65</v>
      </c>
      <c r="G195" s="67" t="s">
        <v>151</v>
      </c>
      <c r="H195" s="67" t="s">
        <v>203</v>
      </c>
      <c r="I195" s="67" t="s">
        <v>204</v>
      </c>
      <c r="J195" s="67" t="s">
        <v>205</v>
      </c>
      <c r="K195" s="67">
        <v>262522</v>
      </c>
      <c r="L195" s="67" t="s">
        <v>104</v>
      </c>
      <c r="M195" s="67" t="s">
        <v>104</v>
      </c>
      <c r="N195" s="67" t="s">
        <v>105</v>
      </c>
      <c r="O195" s="67" t="s">
        <v>243</v>
      </c>
      <c r="P195" s="67" t="s">
        <v>244</v>
      </c>
      <c r="Q195" s="67" t="s">
        <v>108</v>
      </c>
      <c r="R195" s="67" t="s">
        <v>109</v>
      </c>
      <c r="S195" s="67" t="s">
        <v>110</v>
      </c>
      <c r="T195" s="67" t="s">
        <v>104</v>
      </c>
      <c r="U195" s="67" t="s">
        <v>111</v>
      </c>
      <c r="V195" s="67" t="s">
        <v>365</v>
      </c>
      <c r="W195" s="67">
        <v>21</v>
      </c>
      <c r="X195" s="67" t="s">
        <v>208</v>
      </c>
      <c r="Y195" s="67" t="s">
        <v>209</v>
      </c>
      <c r="Z195" s="67" t="s">
        <v>104</v>
      </c>
      <c r="AA195" s="67" t="s">
        <v>104</v>
      </c>
      <c r="AB195" s="68" t="s">
        <v>203</v>
      </c>
    </row>
    <row r="196" spans="1:28">
      <c r="A196" s="78" t="s">
        <v>42</v>
      </c>
      <c r="B196" s="79">
        <v>45626</v>
      </c>
      <c r="C196" s="80" t="s">
        <v>57</v>
      </c>
      <c r="D196" s="80">
        <v>11</v>
      </c>
      <c r="E196" s="80">
        <v>2024</v>
      </c>
      <c r="F196" s="80" t="s">
        <v>65</v>
      </c>
      <c r="G196" s="80" t="s">
        <v>151</v>
      </c>
      <c r="H196" s="80" t="s">
        <v>152</v>
      </c>
      <c r="I196" s="80" t="s">
        <v>102</v>
      </c>
      <c r="J196" s="80" t="s">
        <v>103</v>
      </c>
      <c r="K196" s="80">
        <v>599298</v>
      </c>
      <c r="L196" s="80" t="s">
        <v>104</v>
      </c>
      <c r="M196" s="80" t="s">
        <v>104</v>
      </c>
      <c r="N196" s="80" t="s">
        <v>105</v>
      </c>
      <c r="O196" s="80" t="s">
        <v>148</v>
      </c>
      <c r="P196" s="80" t="s">
        <v>153</v>
      </c>
      <c r="Q196" s="80" t="s">
        <v>108</v>
      </c>
      <c r="R196" s="80" t="s">
        <v>109</v>
      </c>
      <c r="S196" s="80" t="s">
        <v>110</v>
      </c>
      <c r="T196" s="80" t="s">
        <v>104</v>
      </c>
      <c r="U196" s="80" t="s">
        <v>111</v>
      </c>
      <c r="V196" s="80" t="s">
        <v>222</v>
      </c>
      <c r="W196" s="80">
        <v>47</v>
      </c>
      <c r="X196" s="80" t="s">
        <v>113</v>
      </c>
      <c r="Y196" s="80" t="s">
        <v>114</v>
      </c>
      <c r="Z196" s="80" t="s">
        <v>104</v>
      </c>
      <c r="AA196" s="80" t="s">
        <v>119</v>
      </c>
      <c r="AB196" s="81" t="s">
        <v>305</v>
      </c>
    </row>
    <row r="197" spans="1:28">
      <c r="A197" s="78" t="s">
        <v>40</v>
      </c>
      <c r="B197" s="79">
        <v>45657</v>
      </c>
      <c r="C197" s="80" t="s">
        <v>57</v>
      </c>
      <c r="D197" s="80">
        <v>12</v>
      </c>
      <c r="E197" s="80">
        <v>2024</v>
      </c>
      <c r="F197" s="80" t="s">
        <v>65</v>
      </c>
      <c r="G197" s="80" t="s">
        <v>151</v>
      </c>
      <c r="H197" s="80" t="s">
        <v>152</v>
      </c>
      <c r="I197" s="80" t="s">
        <v>102</v>
      </c>
      <c r="J197" s="80" t="s">
        <v>103</v>
      </c>
      <c r="K197" s="80">
        <v>959729.96</v>
      </c>
      <c r="L197" s="80" t="s">
        <v>104</v>
      </c>
      <c r="M197" s="80" t="s">
        <v>104</v>
      </c>
      <c r="N197" s="80" t="s">
        <v>105</v>
      </c>
      <c r="O197" s="80" t="s">
        <v>106</v>
      </c>
      <c r="P197" s="80" t="s">
        <v>153</v>
      </c>
      <c r="Q197" s="80" t="s">
        <v>108</v>
      </c>
      <c r="R197" s="80" t="s">
        <v>109</v>
      </c>
      <c r="S197" s="80" t="s">
        <v>110</v>
      </c>
      <c r="T197" s="80" t="s">
        <v>104</v>
      </c>
      <c r="U197" s="80" t="s">
        <v>111</v>
      </c>
      <c r="V197" s="80" t="s">
        <v>223</v>
      </c>
      <c r="W197" s="80">
        <v>3</v>
      </c>
      <c r="X197" s="80" t="s">
        <v>113</v>
      </c>
      <c r="Y197" s="80" t="s">
        <v>114</v>
      </c>
      <c r="Z197" s="80" t="s">
        <v>104</v>
      </c>
      <c r="AA197" s="80" t="s">
        <v>119</v>
      </c>
      <c r="AB197" s="81" t="s">
        <v>297</v>
      </c>
    </row>
    <row r="198" spans="1:28">
      <c r="A198" s="78" t="s">
        <v>40</v>
      </c>
      <c r="B198" s="79">
        <v>45645</v>
      </c>
      <c r="C198" s="80" t="s">
        <v>57</v>
      </c>
      <c r="D198" s="80">
        <v>12</v>
      </c>
      <c r="E198" s="80">
        <v>2024</v>
      </c>
      <c r="F198" s="80" t="s">
        <v>65</v>
      </c>
      <c r="G198" s="80" t="s">
        <v>151</v>
      </c>
      <c r="H198" s="80" t="s">
        <v>224</v>
      </c>
      <c r="I198" s="80" t="s">
        <v>102</v>
      </c>
      <c r="J198" s="80" t="s">
        <v>103</v>
      </c>
      <c r="K198" s="82">
        <v>-3581708</v>
      </c>
      <c r="L198" s="80" t="s">
        <v>104</v>
      </c>
      <c r="M198" s="80" t="s">
        <v>104</v>
      </c>
      <c r="N198" s="80" t="s">
        <v>105</v>
      </c>
      <c r="O198" s="80" t="s">
        <v>106</v>
      </c>
      <c r="P198" s="80" t="s">
        <v>153</v>
      </c>
      <c r="Q198" s="80" t="s">
        <v>108</v>
      </c>
      <c r="R198" s="80" t="s">
        <v>109</v>
      </c>
      <c r="S198" s="80" t="s">
        <v>110</v>
      </c>
      <c r="T198" s="80" t="s">
        <v>104</v>
      </c>
      <c r="U198" s="80" t="s">
        <v>111</v>
      </c>
      <c r="V198" s="80" t="s">
        <v>225</v>
      </c>
      <c r="W198" s="80">
        <v>1</v>
      </c>
      <c r="X198" s="80" t="s">
        <v>113</v>
      </c>
      <c r="Y198" s="80" t="s">
        <v>114</v>
      </c>
      <c r="Z198" s="80" t="s">
        <v>104</v>
      </c>
      <c r="AA198" s="80" t="s">
        <v>115</v>
      </c>
      <c r="AB198" s="81" t="s">
        <v>297</v>
      </c>
    </row>
    <row r="199" spans="1:28">
      <c r="A199" s="78" t="s">
        <v>41</v>
      </c>
      <c r="B199" s="79">
        <v>45645</v>
      </c>
      <c r="C199" s="80" t="s">
        <v>57</v>
      </c>
      <c r="D199" s="80">
        <v>12</v>
      </c>
      <c r="E199" s="80">
        <v>2024</v>
      </c>
      <c r="F199" s="80" t="s">
        <v>65</v>
      </c>
      <c r="G199" s="80" t="s">
        <v>151</v>
      </c>
      <c r="H199" s="80" t="s">
        <v>224</v>
      </c>
      <c r="I199" s="80" t="s">
        <v>102</v>
      </c>
      <c r="J199" s="80" t="s">
        <v>103</v>
      </c>
      <c r="K199" s="82">
        <v>-644275</v>
      </c>
      <c r="L199" s="80" t="s">
        <v>104</v>
      </c>
      <c r="M199" s="80" t="s">
        <v>104</v>
      </c>
      <c r="N199" s="80" t="s">
        <v>105</v>
      </c>
      <c r="O199" s="80" t="s">
        <v>156</v>
      </c>
      <c r="P199" s="80" t="s">
        <v>153</v>
      </c>
      <c r="Q199" s="80" t="s">
        <v>108</v>
      </c>
      <c r="R199" s="80" t="s">
        <v>109</v>
      </c>
      <c r="S199" s="80" t="s">
        <v>110</v>
      </c>
      <c r="T199" s="80" t="s">
        <v>104</v>
      </c>
      <c r="U199" s="80" t="s">
        <v>111</v>
      </c>
      <c r="V199" s="80" t="s">
        <v>226</v>
      </c>
      <c r="W199" s="80">
        <v>3</v>
      </c>
      <c r="X199" s="80" t="s">
        <v>113</v>
      </c>
      <c r="Y199" s="80" t="s">
        <v>114</v>
      </c>
      <c r="Z199" s="80" t="s">
        <v>104</v>
      </c>
      <c r="AA199" s="80" t="s">
        <v>115</v>
      </c>
      <c r="AB199" s="81" t="s">
        <v>298</v>
      </c>
    </row>
    <row r="200" spans="1:28">
      <c r="A200" s="78" t="s">
        <v>41</v>
      </c>
      <c r="B200" s="79">
        <v>45657</v>
      </c>
      <c r="C200" s="80" t="s">
        <v>57</v>
      </c>
      <c r="D200" s="80">
        <v>12</v>
      </c>
      <c r="E200" s="80">
        <v>2024</v>
      </c>
      <c r="F200" s="80" t="s">
        <v>65</v>
      </c>
      <c r="G200" s="80" t="s">
        <v>151</v>
      </c>
      <c r="H200" s="80" t="s">
        <v>152</v>
      </c>
      <c r="I200" s="80" t="s">
        <v>102</v>
      </c>
      <c r="J200" s="80" t="s">
        <v>103</v>
      </c>
      <c r="K200" s="80">
        <v>179218</v>
      </c>
      <c r="L200" s="80" t="s">
        <v>104</v>
      </c>
      <c r="M200" s="80" t="s">
        <v>104</v>
      </c>
      <c r="N200" s="80" t="s">
        <v>105</v>
      </c>
      <c r="O200" s="80" t="s">
        <v>156</v>
      </c>
      <c r="P200" s="80" t="s">
        <v>153</v>
      </c>
      <c r="Q200" s="80" t="s">
        <v>108</v>
      </c>
      <c r="R200" s="80" t="s">
        <v>109</v>
      </c>
      <c r="S200" s="80" t="s">
        <v>110</v>
      </c>
      <c r="T200" s="80" t="s">
        <v>104</v>
      </c>
      <c r="U200" s="80" t="s">
        <v>111</v>
      </c>
      <c r="V200" s="80" t="s">
        <v>227</v>
      </c>
      <c r="W200" s="80">
        <v>7</v>
      </c>
      <c r="X200" s="80" t="s">
        <v>113</v>
      </c>
      <c r="Y200" s="80" t="s">
        <v>114</v>
      </c>
      <c r="Z200" s="80" t="s">
        <v>104</v>
      </c>
      <c r="AA200" s="80" t="s">
        <v>119</v>
      </c>
      <c r="AB200" s="81" t="s">
        <v>298</v>
      </c>
    </row>
    <row r="201" spans="1:28" s="11" customFormat="1" hidden="1">
      <c r="A201" s="66" t="s">
        <v>41</v>
      </c>
      <c r="B201" s="63">
        <v>45657</v>
      </c>
      <c r="C201" s="67" t="s">
        <v>366</v>
      </c>
      <c r="D201" s="67">
        <v>12</v>
      </c>
      <c r="E201" s="67">
        <v>2024</v>
      </c>
      <c r="F201" s="67" t="s">
        <v>65</v>
      </c>
      <c r="G201" s="67" t="s">
        <v>151</v>
      </c>
      <c r="H201" s="67" t="s">
        <v>203</v>
      </c>
      <c r="I201" s="67" t="s">
        <v>204</v>
      </c>
      <c r="J201" s="67" t="s">
        <v>205</v>
      </c>
      <c r="K201" s="67">
        <v>262522</v>
      </c>
      <c r="L201" s="67" t="s">
        <v>104</v>
      </c>
      <c r="M201" s="67" t="s">
        <v>104</v>
      </c>
      <c r="N201" s="67" t="s">
        <v>105</v>
      </c>
      <c r="O201" s="67" t="s">
        <v>243</v>
      </c>
      <c r="P201" s="67" t="s">
        <v>244</v>
      </c>
      <c r="Q201" s="67" t="s">
        <v>108</v>
      </c>
      <c r="R201" s="67" t="s">
        <v>109</v>
      </c>
      <c r="S201" s="67" t="s">
        <v>110</v>
      </c>
      <c r="T201" s="67" t="s">
        <v>104</v>
      </c>
      <c r="U201" s="67" t="s">
        <v>111</v>
      </c>
      <c r="V201" s="67" t="s">
        <v>367</v>
      </c>
      <c r="W201" s="67">
        <v>22</v>
      </c>
      <c r="X201" s="67" t="s">
        <v>208</v>
      </c>
      <c r="Y201" s="67" t="s">
        <v>209</v>
      </c>
      <c r="Z201" s="67" t="s">
        <v>104</v>
      </c>
      <c r="AA201" s="67" t="s">
        <v>104</v>
      </c>
      <c r="AB201" s="68" t="s">
        <v>203</v>
      </c>
    </row>
    <row r="202" spans="1:28" s="11" customFormat="1" hidden="1">
      <c r="A202" s="62" t="s">
        <v>41</v>
      </c>
      <c r="B202" s="63">
        <v>45657</v>
      </c>
      <c r="C202" s="64" t="s">
        <v>368</v>
      </c>
      <c r="D202" s="64">
        <v>12</v>
      </c>
      <c r="E202" s="64">
        <v>2024</v>
      </c>
      <c r="F202" s="64" t="s">
        <v>65</v>
      </c>
      <c r="G202" s="64" t="s">
        <v>151</v>
      </c>
      <c r="H202" s="64" t="s">
        <v>241</v>
      </c>
      <c r="I202" s="64" t="s">
        <v>204</v>
      </c>
      <c r="J202" s="64" t="s">
        <v>242</v>
      </c>
      <c r="K202" s="64">
        <v>-224199</v>
      </c>
      <c r="L202" s="64" t="s">
        <v>104</v>
      </c>
      <c r="M202" s="64" t="s">
        <v>104</v>
      </c>
      <c r="N202" s="64" t="s">
        <v>105</v>
      </c>
      <c r="O202" s="64" t="s">
        <v>243</v>
      </c>
      <c r="P202" s="64" t="s">
        <v>244</v>
      </c>
      <c r="Q202" s="64" t="s">
        <v>108</v>
      </c>
      <c r="R202" s="64" t="s">
        <v>109</v>
      </c>
      <c r="S202" s="64" t="s">
        <v>110</v>
      </c>
      <c r="T202" s="64" t="s">
        <v>104</v>
      </c>
      <c r="U202" s="64" t="s">
        <v>111</v>
      </c>
      <c r="V202" s="64" t="s">
        <v>369</v>
      </c>
      <c r="W202" s="64">
        <v>120</v>
      </c>
      <c r="X202" s="64" t="s">
        <v>246</v>
      </c>
      <c r="Y202" s="64" t="s">
        <v>209</v>
      </c>
      <c r="Z202" s="64" t="s">
        <v>104</v>
      </c>
      <c r="AA202" s="64" t="s">
        <v>104</v>
      </c>
      <c r="AB202" s="65" t="s">
        <v>241</v>
      </c>
    </row>
    <row r="203" spans="1:28" s="11" customFormat="1" hidden="1">
      <c r="A203" s="66" t="s">
        <v>41</v>
      </c>
      <c r="B203" s="63">
        <v>45657</v>
      </c>
      <c r="C203" s="67" t="s">
        <v>249</v>
      </c>
      <c r="D203" s="67">
        <v>12</v>
      </c>
      <c r="E203" s="67">
        <v>2024</v>
      </c>
      <c r="F203" s="67" t="s">
        <v>65</v>
      </c>
      <c r="G203" s="67" t="s">
        <v>151</v>
      </c>
      <c r="H203" s="67" t="s">
        <v>152</v>
      </c>
      <c r="I203" s="67" t="s">
        <v>204</v>
      </c>
      <c r="J203" s="67" t="s">
        <v>103</v>
      </c>
      <c r="K203" s="67">
        <v>224199</v>
      </c>
      <c r="L203" s="67" t="s">
        <v>104</v>
      </c>
      <c r="M203" s="67" t="s">
        <v>104</v>
      </c>
      <c r="N203" s="67" t="s">
        <v>105</v>
      </c>
      <c r="O203" s="67" t="s">
        <v>243</v>
      </c>
      <c r="P203" s="67" t="s">
        <v>244</v>
      </c>
      <c r="Q203" s="67" t="s">
        <v>108</v>
      </c>
      <c r="R203" s="67" t="s">
        <v>109</v>
      </c>
      <c r="S203" s="67" t="s">
        <v>110</v>
      </c>
      <c r="T203" s="67" t="s">
        <v>104</v>
      </c>
      <c r="U203" s="67" t="s">
        <v>111</v>
      </c>
      <c r="V203" s="67" t="s">
        <v>370</v>
      </c>
      <c r="W203" s="67">
        <v>19</v>
      </c>
      <c r="X203" s="67" t="s">
        <v>113</v>
      </c>
      <c r="Y203" s="67" t="s">
        <v>114</v>
      </c>
      <c r="Z203" s="67" t="s">
        <v>104</v>
      </c>
      <c r="AA203" s="67" t="s">
        <v>119</v>
      </c>
      <c r="AB203" s="68" t="s">
        <v>300</v>
      </c>
    </row>
    <row r="204" spans="1:28">
      <c r="A204" s="78" t="s">
        <v>42</v>
      </c>
      <c r="B204" s="79">
        <v>45645</v>
      </c>
      <c r="C204" s="80" t="s">
        <v>57</v>
      </c>
      <c r="D204" s="80">
        <v>12</v>
      </c>
      <c r="E204" s="80">
        <v>2024</v>
      </c>
      <c r="F204" s="80" t="s">
        <v>65</v>
      </c>
      <c r="G204" s="80" t="s">
        <v>151</v>
      </c>
      <c r="H204" s="80" t="s">
        <v>224</v>
      </c>
      <c r="I204" s="80" t="s">
        <v>102</v>
      </c>
      <c r="J204" s="80" t="s">
        <v>103</v>
      </c>
      <c r="K204" s="82">
        <v>-2433534</v>
      </c>
      <c r="L204" s="80" t="s">
        <v>104</v>
      </c>
      <c r="M204" s="80" t="s">
        <v>104</v>
      </c>
      <c r="N204" s="80" t="s">
        <v>105</v>
      </c>
      <c r="O204" s="80" t="s">
        <v>148</v>
      </c>
      <c r="P204" s="80" t="s">
        <v>153</v>
      </c>
      <c r="Q204" s="80" t="s">
        <v>108</v>
      </c>
      <c r="R204" s="80" t="s">
        <v>109</v>
      </c>
      <c r="S204" s="80" t="s">
        <v>110</v>
      </c>
      <c r="T204" s="80" t="s">
        <v>104</v>
      </c>
      <c r="U204" s="80" t="s">
        <v>111</v>
      </c>
      <c r="V204" s="80" t="s">
        <v>228</v>
      </c>
      <c r="W204" s="80">
        <v>5</v>
      </c>
      <c r="X204" s="80" t="s">
        <v>113</v>
      </c>
      <c r="Y204" s="80" t="s">
        <v>114</v>
      </c>
      <c r="Z204" s="80" t="s">
        <v>104</v>
      </c>
      <c r="AA204" s="80" t="s">
        <v>115</v>
      </c>
      <c r="AB204" s="81" t="s">
        <v>305</v>
      </c>
    </row>
    <row r="205" spans="1:28">
      <c r="A205" s="78" t="s">
        <v>42</v>
      </c>
      <c r="B205" s="79">
        <v>45657</v>
      </c>
      <c r="C205" s="80" t="s">
        <v>57</v>
      </c>
      <c r="D205" s="80">
        <v>12</v>
      </c>
      <c r="E205" s="80">
        <v>2024</v>
      </c>
      <c r="F205" s="80" t="s">
        <v>65</v>
      </c>
      <c r="G205" s="80" t="s">
        <v>151</v>
      </c>
      <c r="H205" s="80" t="s">
        <v>152</v>
      </c>
      <c r="I205" s="80" t="s">
        <v>102</v>
      </c>
      <c r="J205" s="80" t="s">
        <v>103</v>
      </c>
      <c r="K205" s="80">
        <v>599302.01</v>
      </c>
      <c r="L205" s="80" t="s">
        <v>104</v>
      </c>
      <c r="M205" s="80" t="s">
        <v>104</v>
      </c>
      <c r="N205" s="80" t="s">
        <v>105</v>
      </c>
      <c r="O205" s="80" t="s">
        <v>148</v>
      </c>
      <c r="P205" s="80" t="s">
        <v>153</v>
      </c>
      <c r="Q205" s="80" t="s">
        <v>108</v>
      </c>
      <c r="R205" s="80" t="s">
        <v>109</v>
      </c>
      <c r="S205" s="80" t="s">
        <v>110</v>
      </c>
      <c r="T205" s="80" t="s">
        <v>104</v>
      </c>
      <c r="U205" s="80" t="s">
        <v>111</v>
      </c>
      <c r="V205" s="80" t="s">
        <v>229</v>
      </c>
      <c r="W205" s="80">
        <v>47</v>
      </c>
      <c r="X205" s="80" t="s">
        <v>113</v>
      </c>
      <c r="Y205" s="80" t="s">
        <v>114</v>
      </c>
      <c r="Z205" s="80" t="s">
        <v>104</v>
      </c>
      <c r="AA205" s="80" t="s">
        <v>119</v>
      </c>
      <c r="AB205" s="81" t="s">
        <v>305</v>
      </c>
    </row>
    <row r="206" spans="1:28" s="11" customFormat="1" hidden="1">
      <c r="A206" s="62" t="s">
        <v>41</v>
      </c>
      <c r="B206" s="63">
        <v>45565</v>
      </c>
      <c r="C206" s="64" t="s">
        <v>351</v>
      </c>
      <c r="D206" s="64">
        <v>9</v>
      </c>
      <c r="E206" s="64">
        <v>2024</v>
      </c>
      <c r="F206" s="64" t="s">
        <v>371</v>
      </c>
      <c r="G206" s="64" t="s">
        <v>140</v>
      </c>
      <c r="H206" s="64" t="s">
        <v>203</v>
      </c>
      <c r="I206" s="64" t="s">
        <v>204</v>
      </c>
      <c r="J206" s="64" t="s">
        <v>205</v>
      </c>
      <c r="K206" s="64">
        <v>-832.23</v>
      </c>
      <c r="L206" s="64" t="s">
        <v>104</v>
      </c>
      <c r="M206" s="64" t="s">
        <v>104</v>
      </c>
      <c r="N206" s="64" t="s">
        <v>105</v>
      </c>
      <c r="O206" s="64" t="s">
        <v>206</v>
      </c>
      <c r="P206" s="64" t="s">
        <v>142</v>
      </c>
      <c r="Q206" s="64" t="s">
        <v>108</v>
      </c>
      <c r="R206" s="64" t="s">
        <v>109</v>
      </c>
      <c r="S206" s="64" t="s">
        <v>110</v>
      </c>
      <c r="T206" s="64" t="s">
        <v>104</v>
      </c>
      <c r="U206" s="64" t="s">
        <v>111</v>
      </c>
      <c r="V206" s="64" t="s">
        <v>352</v>
      </c>
      <c r="W206" s="64">
        <v>14</v>
      </c>
      <c r="X206" s="64" t="s">
        <v>208</v>
      </c>
      <c r="Y206" s="64" t="s">
        <v>209</v>
      </c>
      <c r="Z206" s="64" t="s">
        <v>104</v>
      </c>
      <c r="AA206" s="64" t="s">
        <v>104</v>
      </c>
      <c r="AB206" s="65" t="s">
        <v>203</v>
      </c>
    </row>
  </sheetData>
  <autoFilter ref="A1:AB206" xr:uid="{00000000-0001-0000-0300-000000000000}">
    <filterColumn colId="2">
      <filters>
        <filter val="TXACCABA"/>
        <filter val="TXAMTABA"/>
        <filter val="TXOUAABA"/>
      </filters>
    </filterColumn>
  </autoFilter>
  <pageMargins left="0.7" right="0.7" top="0.75" bottom="0.75" header="0.3" footer="0.3"/>
  <pageSetup orientation="portrait" horizontalDpi="1200" verticalDpi="1200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37e8545f9097af293d07877c154c5451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8edfe77cef90f9ce79cdb433746aba48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Notes" minOccurs="0"/>
                <xsd:element ref="ns2:OriginalFileDate" minOccurs="0"/>
                <xsd:element ref="ns2:_Flow_SignoffStatus" minOccurs="0"/>
                <xsd:element ref="ns2:DueDate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Notes" ma:index="23" nillable="true" ma:displayName="Notes" ma:format="Dropdown" ma:internalName="Notes">
      <xsd:simpleType>
        <xsd:restriction base="dms:Text">
          <xsd:maxLength value="255"/>
        </xsd:restriction>
      </xsd:simpleType>
    </xsd:element>
    <xsd:element name="OriginalFileDate" ma:index="24" nillable="true" ma:displayName="Original File Date" ma:format="DateOnly" ma:internalName="OriginalFileDate">
      <xsd:simpleType>
        <xsd:restriction base="dms:DateTime"/>
      </xsd:simpleType>
    </xsd:element>
    <xsd:element name="_Flow_SignoffStatus" ma:index="25" nillable="true" ma:displayName="Sign-off status" ma:internalName="_x0024_Resources_x003a_core_x002c_Signoff_Status">
      <xsd:simpleType>
        <xsd:restriction base="dms:Text"/>
      </xsd:simpleType>
    </xsd:element>
    <xsd:element name="DueDate" ma:index="26" nillable="true" ma:displayName="Due Date" ma:format="DateOnly" ma:indexed="true" ma:internalName="DueDate">
      <xsd:simpleType>
        <xsd:restriction base="dms:DateTime"/>
      </xsd:simpleType>
    </xsd:element>
    <xsd:element name="MediaServiceLocation" ma:index="27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b6888f76-1100-40b0-929b-1efe9044426d" xsi:nil="true"/>
    <lcf76f155ced4ddcb4097134ff3c332f xmlns="f88ffb1c-9230-4705-a789-27bae69f5829">
      <Terms xmlns="http://schemas.microsoft.com/office/infopath/2007/PartnerControls"/>
    </lcf76f155ced4ddcb4097134ff3c332f>
    <Notes xmlns="f88ffb1c-9230-4705-a789-27bae69f5829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DueDate xmlns="f88ffb1c-9230-4705-a789-27bae69f5829" xsi:nil="true"/>
    <_Flow_SignoffStatus xmlns="f88ffb1c-9230-4705-a789-27bae69f5829" xsi:nil="true"/>
  </documentManagement>
</p:properties>
</file>

<file path=customXml/item3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kzNmUyMmQ1LTQ1YTctNGNiNy05NWFiLTFhYThjN2M4ODc4OS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zNzg2NTg8L1VzZXJOYW1lPjxEYXRlVGltZT4xMC8xLzIwMjUgNDoyMzo1NCBQTTwvRGF0ZVRpbWU+PExhYmVsU3RyaW5nPlVuY2F0ZWdvcml6ZWQ8L0xhYmVsU3RyaW5nPjwvaXRlbT48L2xhYmVsSGlzdG9yeT4=</Value>
</WrappedLabelHistory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936e22d5-45a7-4cb7-95ab-1aa8c7c88789" value=""/>
  <element uid="d14f5c36-f44a-4315-b438-005cfe8f069f" value=""/>
</sisl>
</file>

<file path=customXml/itemProps1.xml><?xml version="1.0" encoding="utf-8"?>
<ds:datastoreItem xmlns:ds="http://schemas.openxmlformats.org/officeDocument/2006/customXml" ds:itemID="{42B3DDE8-5157-4EDD-A7F6-66C3E34CEDC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f88ffb1c-9230-4705-a789-27bae69f5829"/>
    <ds:schemaRef ds:uri="b6888f76-1100-40b0-929b-1efe9044426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FCEBA19-4E75-41CE-9E31-E37C97EAFF4A}">
  <ds:schemaRefs>
    <ds:schemaRef ds:uri="http://www.w3.org/XML/1998/namespace"/>
    <ds:schemaRef ds:uri="http://purl.org/dc/elements/1.1/"/>
    <ds:schemaRef ds:uri="http://schemas.openxmlformats.org/package/2006/metadata/core-properties"/>
    <ds:schemaRef ds:uri="f88ffb1c-9230-4705-a789-27bae69f5829"/>
    <ds:schemaRef ds:uri="http://purl.org/dc/terms/"/>
    <ds:schemaRef ds:uri="http://schemas.microsoft.com/office/2006/documentManagement/types"/>
    <ds:schemaRef ds:uri="b6888f76-1100-40b0-929b-1efe9044426d"/>
    <ds:schemaRef ds:uri="http://schemas.microsoft.com/office/infopath/2007/PartnerControls"/>
    <ds:schemaRef ds:uri="http://schemas.microsoft.com/office/2006/metadata/properties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AA626172-C646-4564-92DC-9BC75D80DA42}">
  <ds:schemaRefs>
    <ds:schemaRef ds:uri="http://www.w3.org/2001/XMLSchema"/>
    <ds:schemaRef ds:uri="http://www.boldonjames.com/2016/02/Classifier/internal/wrappedLabelHistory"/>
  </ds:schemaRefs>
</ds:datastoreItem>
</file>

<file path=customXml/itemProps4.xml><?xml version="1.0" encoding="utf-8"?>
<ds:datastoreItem xmlns:ds="http://schemas.openxmlformats.org/officeDocument/2006/customXml" ds:itemID="{977FC1ED-2691-4CE2-9A71-C19BCE68705E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BFE8E612-D98B-49EE-A408-6311EF53FF68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1</vt:i4>
      </vt:variant>
    </vt:vector>
  </HeadingPairs>
  <TitlesOfParts>
    <vt:vector size="5" baseType="lpstr">
      <vt:lpstr>W42 Annualization of PropTax</vt:lpstr>
      <vt:lpstr>Est. Tax Calc</vt:lpstr>
      <vt:lpstr>Pivot</vt:lpstr>
      <vt:lpstr>PS Query</vt:lpstr>
      <vt:lpstr>'Est. Tax Calc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ing Rohloff</dc:creator>
  <cp:lastModifiedBy>Dave Hodgson</cp:lastModifiedBy>
  <dcterms:created xsi:type="dcterms:W3CDTF">2025-10-01T16:01:38Z</dcterms:created>
  <dcterms:modified xsi:type="dcterms:W3CDTF">2025-10-09T18:51:1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7b1ebd33-64c5-4e55-95f6-2fe920990b5b</vt:lpwstr>
  </property>
  <property fmtid="{D5CDD505-2E9C-101B-9397-08002B2CF9AE}" pid="3" name="bjClsUserRVM">
    <vt:lpwstr>[]</vt:lpwstr>
  </property>
  <property fmtid="{D5CDD505-2E9C-101B-9397-08002B2CF9AE}" pid="4" name="bjSaver">
    <vt:lpwstr>goSXRlUFv8IPFUTIIzaEb86Dl7DiJkzn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936e22d5-45a7-4cb7-95ab-1aa8c7c88789" value="" /&gt;&lt;element uid="d14f5c36-f44a-4315-b438-005cfe8f069f" value="" /&gt;&lt;/sisl&gt;</vt:lpwstr>
  </property>
  <property fmtid="{D5CDD505-2E9C-101B-9397-08002B2CF9AE}" pid="7" name="bjDocumentSecurityLabel">
    <vt:lpwstr>Uncategorized</vt:lpwstr>
  </property>
  <property fmtid="{D5CDD505-2E9C-101B-9397-08002B2CF9AE}" pid="8" name="MSIP_Label_574d496c-7ac4-4b13-81fd-698eca66b217_SiteId">
    <vt:lpwstr>15f3c881-6b03-4ff6-8559-77bf5177818f</vt:lpwstr>
  </property>
  <property fmtid="{D5CDD505-2E9C-101B-9397-08002B2CF9AE}" pid="9" name="MSIP_Label_574d496c-7ac4-4b13-81fd-698eca66b217_Name">
    <vt:lpwstr>Uncategorized</vt:lpwstr>
  </property>
  <property fmtid="{D5CDD505-2E9C-101B-9397-08002B2CF9AE}" pid="10" name="MSIP_Label_574d496c-7ac4-4b13-81fd-698eca66b217_Enabled">
    <vt:lpwstr>true</vt:lpwstr>
  </property>
  <property fmtid="{D5CDD505-2E9C-101B-9397-08002B2CF9AE}" pid="11" name="bjLabelHistoryID">
    <vt:lpwstr>{AA626172-C646-4564-92DC-9BC75D80DA42}</vt:lpwstr>
  </property>
  <property fmtid="{D5CDD505-2E9C-101B-9397-08002B2CF9AE}" pid="12" name="ContentTypeId">
    <vt:lpwstr>0x0101004DF805D1E1DA4A49A223477D3B105720</vt:lpwstr>
  </property>
  <property fmtid="{D5CDD505-2E9C-101B-9397-08002B2CF9AE}" pid="13" name="Company - Tax">
    <vt:lpwstr>154;#KYPCO|67e9edb0-468a-4375-a657-1a56dec3b6ef</vt:lpwstr>
  </property>
  <property fmtid="{D5CDD505-2E9C-101B-9397-08002B2CF9AE}" pid="14" name="Document Classification">
    <vt:lpwstr>59;#AEP Confidential|a880b9b3-6bf2-442d-bea4-a677cf5c1b8f</vt:lpwstr>
  </property>
  <property fmtid="{D5CDD505-2E9C-101B-9397-08002B2CF9AE}" pid="15" name="h8be63b6f9e54e76a7bfc48b9f8434b7">
    <vt:lpwstr>AEP Confidential|a880b9b3-6bf2-442d-bea4-a677cf5c1b8f</vt:lpwstr>
  </property>
  <property fmtid="{D5CDD505-2E9C-101B-9397-08002B2CF9AE}" pid="16" name="_dlc_DocIdItemGuid">
    <vt:lpwstr>70c75083-07cc-4cf4-b8b4-ded40640f84e</vt:lpwstr>
  </property>
  <property fmtid="{D5CDD505-2E9C-101B-9397-08002B2CF9AE}" pid="17" name="MediaServiceImageTags">
    <vt:lpwstr/>
  </property>
</Properties>
</file>